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2000"/>
  </bookViews>
  <sheets>
    <sheet name="AEP Operating Companies" sheetId="2" r:id="rId1"/>
    <sheet name="All Companies" sheetId="1" r:id="rId2"/>
  </sheets>
  <calcPr calcId="162913"/>
  <pivotCaches>
    <pivotCache cacheId="0" r:id="rId3"/>
  </pivotCaches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10" uniqueCount="153">
  <si>
    <t>Year</t>
  </si>
  <si>
    <t>Name</t>
  </si>
  <si>
    <t>Area</t>
  </si>
  <si>
    <t>NSPL</t>
  </si>
  <si>
    <t>Allocation MW</t>
  </si>
  <si>
    <t>OPCo/State</t>
  </si>
  <si>
    <t>2020-01</t>
  </si>
  <si>
    <t>Appalachian Power</t>
  </si>
  <si>
    <t>APCO</t>
  </si>
  <si>
    <t>AEPAPD</t>
  </si>
  <si>
    <t>APCo</t>
  </si>
  <si>
    <t>CRAIG-BOTETOURT</t>
  </si>
  <si>
    <t>CBEC</t>
  </si>
  <si>
    <t>ELK POWER/MUSSER CO</t>
  </si>
  <si>
    <t>ELK</t>
  </si>
  <si>
    <t>ODEC</t>
  </si>
  <si>
    <t>RADFORD</t>
  </si>
  <si>
    <t>SALEM</t>
  </si>
  <si>
    <t>VATECH</t>
  </si>
  <si>
    <t>AEP FIRM SALE TO IMPA</t>
  </si>
  <si>
    <t>IMP_FIRM_SALE</t>
  </si>
  <si>
    <t>AEPIMD</t>
  </si>
  <si>
    <t>I&amp;M</t>
  </si>
  <si>
    <t>AUBURN</t>
  </si>
  <si>
    <t>DOWAGIAC</t>
  </si>
  <si>
    <t>Indiana Michigan Power</t>
  </si>
  <si>
    <t>IM</t>
  </si>
  <si>
    <t>STURGIS</t>
  </si>
  <si>
    <t>Wabash - AEP</t>
  </si>
  <si>
    <t>WABASH_AEP</t>
  </si>
  <si>
    <t>IMMDA Avilla</t>
  </si>
  <si>
    <t>AVILLA</t>
  </si>
  <si>
    <t>IMMDA Bluffton</t>
  </si>
  <si>
    <t>BLUFFTON</t>
  </si>
  <si>
    <t>IMMDA Mishawak</t>
  </si>
  <si>
    <t>MISHAWAKA</t>
  </si>
  <si>
    <t>IMMDA New Carlisle</t>
  </si>
  <si>
    <t>NEWCARLISLE</t>
  </si>
  <si>
    <t>IMMDA Niles</t>
  </si>
  <si>
    <t>NILES</t>
  </si>
  <si>
    <t>IMMDA Paw Paw</t>
  </si>
  <si>
    <t>PAWPAW</t>
  </si>
  <si>
    <t>IMMDA South Haven</t>
  </si>
  <si>
    <t>SOUTHHAVEN</t>
  </si>
  <si>
    <t>IMMDA Warren</t>
  </si>
  <si>
    <t>WARREN</t>
  </si>
  <si>
    <t>Kentucky Power</t>
  </si>
  <si>
    <t>KPCO</t>
  </si>
  <si>
    <t>AEPKPD</t>
  </si>
  <si>
    <t>KP</t>
  </si>
  <si>
    <t>VANCEBURG</t>
  </si>
  <si>
    <t>VANCE_OLIVE</t>
  </si>
  <si>
    <t>OLIVE HILL</t>
  </si>
  <si>
    <t>Ohio Power Residual</t>
  </si>
  <si>
    <t>AEPOHIO</t>
  </si>
  <si>
    <t>AEPOPD</t>
  </si>
  <si>
    <t>AEP Ohio</t>
  </si>
  <si>
    <t>Wheeling Power</t>
  </si>
  <si>
    <t>WHEELING</t>
  </si>
  <si>
    <t>AEPWPD</t>
  </si>
  <si>
    <t>AK STEEL</t>
  </si>
  <si>
    <t>ROCKPORT</t>
  </si>
  <si>
    <t>AKSTL</t>
  </si>
  <si>
    <t>Indiana</t>
  </si>
  <si>
    <t>AMP Partners</t>
  </si>
  <si>
    <t>AMPO</t>
  </si>
  <si>
    <t>AMPAEP</t>
  </si>
  <si>
    <t>Ohio</t>
  </si>
  <si>
    <t>Bedford Moseley 13 kV</t>
  </si>
  <si>
    <t>BEDFORD_WHEEL</t>
  </si>
  <si>
    <t>AMPBWH</t>
  </si>
  <si>
    <t>DANVILLE</t>
  </si>
  <si>
    <t>AMPDAN</t>
  </si>
  <si>
    <t>OMEG</t>
  </si>
  <si>
    <t>AMPOMG</t>
  </si>
  <si>
    <t>AMP Wapakoneta</t>
  </si>
  <si>
    <t>WAPAKONETA</t>
  </si>
  <si>
    <t>AMPWAP</t>
  </si>
  <si>
    <t>WEST VIRGINIA POWER</t>
  </si>
  <si>
    <t>WVP</t>
  </si>
  <si>
    <t>APWVP</t>
  </si>
  <si>
    <t>West Virginia</t>
  </si>
  <si>
    <t>BEDFORD</t>
  </si>
  <si>
    <t>BEDFRD</t>
  </si>
  <si>
    <t>Virginia</t>
  </si>
  <si>
    <t>Buckeye AEP Ohio</t>
  </si>
  <si>
    <t>BUCKEYE</t>
  </si>
  <si>
    <t>BUCK</t>
  </si>
  <si>
    <t>Buckeye IMP</t>
  </si>
  <si>
    <t>Collegiate VA Retail</t>
  </si>
  <si>
    <t>COLGCE</t>
  </si>
  <si>
    <t>CVEC</t>
  </si>
  <si>
    <t>EDF VA Retail</t>
  </si>
  <si>
    <t>EIPAPV</t>
  </si>
  <si>
    <t>EP City of Columbus</t>
  </si>
  <si>
    <t>COLUMBUS</t>
  </si>
  <si>
    <t>EPPCOL</t>
  </si>
  <si>
    <t>City of Westerville EP</t>
  </si>
  <si>
    <t>WESTERVILLE</t>
  </si>
  <si>
    <t>EPPCOW</t>
  </si>
  <si>
    <t>St Clairsville</t>
  </si>
  <si>
    <t>STCLAIRSVILLE</t>
  </si>
  <si>
    <t>EPSCOH</t>
  </si>
  <si>
    <t>SHELBY</t>
  </si>
  <si>
    <t>EPSHOH</t>
  </si>
  <si>
    <t>GLOUSTER</t>
  </si>
  <si>
    <t>EPVOGO</t>
  </si>
  <si>
    <t>HOOSIER</t>
  </si>
  <si>
    <t>HEREC</t>
  </si>
  <si>
    <t>IMPA NETWORK AND/FRANK</t>
  </si>
  <si>
    <t>ANDERFRANK</t>
  </si>
  <si>
    <t>IMPA</t>
  </si>
  <si>
    <t>MP2 AP Retail</t>
  </si>
  <si>
    <t>MP2APO</t>
  </si>
  <si>
    <t>MARTINSVILLE</t>
  </si>
  <si>
    <t>MRTNSV</t>
  </si>
  <si>
    <t>Northeastern REMC</t>
  </si>
  <si>
    <t>NORTHEAST</t>
  </si>
  <si>
    <t>NEREMC</t>
  </si>
  <si>
    <t>RICHLANDS</t>
  </si>
  <si>
    <t>RCHLDS</t>
  </si>
  <si>
    <t>Calpine Energy VA Retail</t>
  </si>
  <si>
    <t>SESAEV</t>
  </si>
  <si>
    <t>Wolverine Midwest</t>
  </si>
  <si>
    <t>MIDWEST</t>
  </si>
  <si>
    <t>WPSCMW</t>
  </si>
  <si>
    <t>Michigan</t>
  </si>
  <si>
    <t>Garrett</t>
  </si>
  <si>
    <t>GARRETT</t>
  </si>
  <si>
    <t>WPSGAR</t>
  </si>
  <si>
    <t>Wabash - SDI</t>
  </si>
  <si>
    <t>WABASHSDI</t>
  </si>
  <si>
    <t>WVSDI</t>
  </si>
  <si>
    <t>2020-06</t>
  </si>
  <si>
    <t>STURGS</t>
  </si>
  <si>
    <t>WPSAVI</t>
  </si>
  <si>
    <t>WPSBLF</t>
  </si>
  <si>
    <t>WPSMIS</t>
  </si>
  <si>
    <t>WPSNCA</t>
  </si>
  <si>
    <t>SHAVEN</t>
  </si>
  <si>
    <t>WPSWAR</t>
  </si>
  <si>
    <t>AMP Wapakoneta2</t>
  </si>
  <si>
    <t>AMP Wapakoneta3</t>
  </si>
  <si>
    <t>WAPAKONETA2</t>
  </si>
  <si>
    <t>WAPAKONETA3</t>
  </si>
  <si>
    <t>AMPWPM</t>
  </si>
  <si>
    <t>AMPWBX</t>
  </si>
  <si>
    <t>NEVAEM</t>
  </si>
  <si>
    <t>Exelon Generation Co., LLC (NEV_AEP_IMP)</t>
  </si>
  <si>
    <t>Row Labels</t>
  </si>
  <si>
    <t>Grand Total</t>
  </si>
  <si>
    <t>Column Labels</t>
  </si>
  <si>
    <t>Sum of Allocation MW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0" fillId="0" borderId="0" xfId="0" pivotButton="1"/>
    <xf numFmtId="0" fontId="0" fillId="0" borderId="0" xfId="0" applyAlignment="1">
      <alignment horizontal="left"/>
    </xf>
    <xf numFmtId="4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pivotCacheDefinition" Target="pivotCache/pivotCacheDefinition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195524" refreshedDate="44580.669565393517" createdVersion="6" refreshedVersion="6" minRefreshableVersion="3" recordCount="221">
  <cacheSource type="worksheet">
    <worksheetSource ref="A1:F1048576" sheet="All Companies"/>
  </cacheSource>
  <cacheFields count="6">
    <cacheField name="Year" numFmtId="0">
      <sharedItems containsBlank="1" containsMixedTypes="1" containsNumber="1" containsInteger="1" minValue="2021" maxValue="2022" count="5">
        <s v="2020-01"/>
        <s v="2020-06"/>
        <n v="2021"/>
        <n v="2022"/>
        <m/>
      </sharedItems>
    </cacheField>
    <cacheField name="Name" numFmtId="0">
      <sharedItems containsBlank="1"/>
    </cacheField>
    <cacheField name="Area" numFmtId="0">
      <sharedItems containsBlank="1" count="51">
        <s v="APCO"/>
        <s v="CBEC"/>
        <s v="ELK"/>
        <s v="ODEC"/>
        <s v="RADFORD"/>
        <s v="SALEM"/>
        <s v="VATECH"/>
        <s v="IMP_FIRM_SALE"/>
        <s v="AUBURN"/>
        <s v="DOWAGIAC"/>
        <s v="IM"/>
        <s v="STURGIS"/>
        <s v="WABASH_AEP"/>
        <s v="AVILLA"/>
        <s v="BLUFFTON"/>
        <s v="MISHAWAKA"/>
        <s v="NEWCARLISLE"/>
        <s v="NILES"/>
        <s v="PAWPAW"/>
        <s v="SOUTHHAVEN"/>
        <s v="WARREN"/>
        <s v="KPCO"/>
        <s v="VANCE_OLIVE"/>
        <s v="AEPOHIO"/>
        <s v="WHEELING"/>
        <s v="ROCKPORT"/>
        <s v="AMPO"/>
        <s v="BEDFORD_WHEEL"/>
        <s v="DANVILLE"/>
        <s v="OMEG"/>
        <s v="WAPAKONETA"/>
        <s v="WVP"/>
        <s v="BEDFORD"/>
        <s v="BUCKEYE"/>
        <s v="CVEC"/>
        <s v="COLUMBUS"/>
        <s v="WESTERVILLE"/>
        <s v="STCLAIRSVILLE"/>
        <s v="SHELBY"/>
        <s v="GLOUSTER"/>
        <s v="HOOSIER"/>
        <s v="ANDERFRANK"/>
        <s v="MARTINSVILLE"/>
        <s v="NORTHEAST"/>
        <s v="RICHLANDS"/>
        <s v="MIDWEST"/>
        <s v="GARRETT"/>
        <s v="WABASHSDI"/>
        <s v="WAPAKONETA2"/>
        <s v="WAPAKONETA3"/>
        <m/>
      </sharedItems>
    </cacheField>
    <cacheField name="NSPL" numFmtId="0">
      <sharedItems containsBlank="1"/>
    </cacheField>
    <cacheField name="Allocation MW" numFmtId="0">
      <sharedItems containsString="0" containsBlank="1" containsNumber="1" minValue="0.1" maxValue="8431"/>
    </cacheField>
    <cacheField name="OPCo/State" numFmtId="0">
      <sharedItems containsBlank="1" count="11">
        <s v="APCo"/>
        <s v="I&amp;M"/>
        <s v="KP"/>
        <s v="AEP Ohio"/>
        <s v="Wheeling Power"/>
        <s v="Indiana"/>
        <s v="Ohio"/>
        <s v="West Virginia"/>
        <s v="Virginia"/>
        <s v="Michigan"/>
        <m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221">
  <r>
    <x v="0"/>
    <s v="Appalachian Power"/>
    <x v="0"/>
    <s v="AEPAPD"/>
    <n v="6891.4"/>
    <x v="0"/>
  </r>
  <r>
    <x v="0"/>
    <s v="CRAIG-BOTETOURT"/>
    <x v="1"/>
    <s v="AEPAPD"/>
    <n v="15.6"/>
    <x v="0"/>
  </r>
  <r>
    <x v="0"/>
    <s v="ELK POWER/MUSSER CO"/>
    <x v="2"/>
    <s v="AEPAPD"/>
    <n v="12.6"/>
    <x v="0"/>
  </r>
  <r>
    <x v="0"/>
    <s v="ODEC"/>
    <x v="3"/>
    <s v="AEPAPD"/>
    <n v="45.7"/>
    <x v="0"/>
  </r>
  <r>
    <x v="0"/>
    <s v="RADFORD"/>
    <x v="4"/>
    <s v="AEPAPD"/>
    <n v="39.6"/>
    <x v="0"/>
  </r>
  <r>
    <x v="0"/>
    <s v="SALEM"/>
    <x v="5"/>
    <s v="AEPAPD"/>
    <n v="67.8"/>
    <x v="0"/>
  </r>
  <r>
    <x v="0"/>
    <s v="VATECH"/>
    <x v="6"/>
    <s v="AEPAPD"/>
    <n v="54.7"/>
    <x v="0"/>
  </r>
  <r>
    <x v="0"/>
    <s v="AEP FIRM SALE TO IMPA"/>
    <x v="7"/>
    <s v="AEPIMD"/>
    <n v="196.5"/>
    <x v="1"/>
  </r>
  <r>
    <x v="0"/>
    <s v="AUBURN"/>
    <x v="8"/>
    <s v="AEPIMD"/>
    <n v="69.2"/>
    <x v="1"/>
  </r>
  <r>
    <x v="0"/>
    <s v="DOWAGIAC"/>
    <x v="9"/>
    <s v="AEPIMD"/>
    <n v="8.6"/>
    <x v="1"/>
  </r>
  <r>
    <x v="0"/>
    <s v="Indiana Michigan Power"/>
    <x v="10"/>
    <s v="AEPIMD"/>
    <n v="2964.9"/>
    <x v="1"/>
  </r>
  <r>
    <x v="0"/>
    <s v="STURGIS"/>
    <x v="11"/>
    <s v="AEPIMD"/>
    <n v="30.4"/>
    <x v="1"/>
  </r>
  <r>
    <x v="0"/>
    <s v="Wabash - AEP"/>
    <x v="12"/>
    <s v="AEPIMD"/>
    <n v="155.1"/>
    <x v="1"/>
  </r>
  <r>
    <x v="0"/>
    <s v="IMMDA Avilla"/>
    <x v="13"/>
    <s v="AEPIMD"/>
    <n v="6.7"/>
    <x v="1"/>
  </r>
  <r>
    <x v="0"/>
    <s v="IMMDA Bluffton"/>
    <x v="14"/>
    <s v="AEPIMD"/>
    <n v="40.799999999999997"/>
    <x v="1"/>
  </r>
  <r>
    <x v="0"/>
    <s v="IMMDA Mishawak"/>
    <x v="15"/>
    <s v="AEPIMD"/>
    <n v="91.8"/>
    <x v="1"/>
  </r>
  <r>
    <x v="0"/>
    <s v="IMMDA New Carlisle"/>
    <x v="16"/>
    <s v="AEPIMD"/>
    <n v="1.8"/>
    <x v="1"/>
  </r>
  <r>
    <x v="0"/>
    <s v="IMMDA Niles"/>
    <x v="17"/>
    <s v="AEPIMD"/>
    <n v="19.899999999999999"/>
    <x v="1"/>
  </r>
  <r>
    <x v="0"/>
    <s v="IMMDA Paw Paw"/>
    <x v="18"/>
    <s v="AEPIMD"/>
    <n v="6.3"/>
    <x v="1"/>
  </r>
  <r>
    <x v="0"/>
    <s v="IMMDA South Haven"/>
    <x v="19"/>
    <s v="AEPIMD"/>
    <n v="21"/>
    <x v="1"/>
  </r>
  <r>
    <x v="0"/>
    <s v="IMMDA Warren"/>
    <x v="20"/>
    <s v="AEPIMD"/>
    <n v="3.3"/>
    <x v="1"/>
  </r>
  <r>
    <x v="0"/>
    <s v="Kentucky Power"/>
    <x v="21"/>
    <s v="AEPKPD"/>
    <n v="1273.0999999999999"/>
    <x v="2"/>
  </r>
  <r>
    <x v="0"/>
    <s v="VANCEBURG"/>
    <x v="22"/>
    <s v="AEPKPD"/>
    <n v="14.4"/>
    <x v="2"/>
  </r>
  <r>
    <x v="0"/>
    <s v="OLIVE HILL"/>
    <x v="22"/>
    <s v="AEPKPD"/>
    <n v="6.5"/>
    <x v="2"/>
  </r>
  <r>
    <x v="0"/>
    <s v="Ohio Power Residual"/>
    <x v="23"/>
    <s v="AEPOPD"/>
    <n v="7422.1"/>
    <x v="3"/>
  </r>
  <r>
    <x v="0"/>
    <s v="Wheeling Power"/>
    <x v="24"/>
    <s v="AEPWPD"/>
    <n v="503"/>
    <x v="4"/>
  </r>
  <r>
    <x v="0"/>
    <s v="AK STEEL"/>
    <x v="25"/>
    <s v="AKSTL"/>
    <n v="29"/>
    <x v="5"/>
  </r>
  <r>
    <x v="0"/>
    <s v="AMP Partners"/>
    <x v="26"/>
    <s v="AMPAEP"/>
    <n v="72.099999999999994"/>
    <x v="6"/>
  </r>
  <r>
    <x v="0"/>
    <s v="Bedford Moseley 13 kV"/>
    <x v="27"/>
    <s v="AMPBWH"/>
    <n v="1"/>
    <x v="6"/>
  </r>
  <r>
    <x v="0"/>
    <s v="DANVILLE"/>
    <x v="28"/>
    <s v="AMPDAN"/>
    <n v="184.6"/>
    <x v="6"/>
  </r>
  <r>
    <x v="0"/>
    <s v="OMEG"/>
    <x v="29"/>
    <s v="AMPOMG"/>
    <n v="88.7"/>
    <x v="6"/>
  </r>
  <r>
    <x v="0"/>
    <s v="AMP Wapakoneta"/>
    <x v="30"/>
    <s v="AMPWAP"/>
    <n v="0.3"/>
    <x v="6"/>
  </r>
  <r>
    <x v="0"/>
    <s v="WEST VIRGINIA POWER"/>
    <x v="31"/>
    <s v="APWVP"/>
    <n v="141.9"/>
    <x v="7"/>
  </r>
  <r>
    <x v="0"/>
    <s v="BEDFORD"/>
    <x v="32"/>
    <s v="BEDFRD"/>
    <n v="39.1"/>
    <x v="8"/>
  </r>
  <r>
    <x v="0"/>
    <s v="Buckeye AEP Ohio"/>
    <x v="33"/>
    <s v="BUCK"/>
    <n v="1221.5999999999999"/>
    <x v="6"/>
  </r>
  <r>
    <x v="0"/>
    <s v="Buckeye IMP"/>
    <x v="33"/>
    <s v="BUCK"/>
    <n v="20.2"/>
    <x v="5"/>
  </r>
  <r>
    <x v="0"/>
    <s v="Collegiate VA Retail"/>
    <x v="0"/>
    <s v="COLGCE"/>
    <n v="19.3"/>
    <x v="0"/>
  </r>
  <r>
    <x v="0"/>
    <s v="CVEC"/>
    <x v="34"/>
    <s v="CVEC"/>
    <n v="37.9"/>
    <x v="8"/>
  </r>
  <r>
    <x v="0"/>
    <s v="EDF VA Retail"/>
    <x v="0"/>
    <s v="EIPAPV"/>
    <n v="7.5"/>
    <x v="0"/>
  </r>
  <r>
    <x v="0"/>
    <s v="EP City of Columbus"/>
    <x v="35"/>
    <s v="EPPCOL"/>
    <n v="125.4"/>
    <x v="6"/>
  </r>
  <r>
    <x v="0"/>
    <s v="City of Westerville EP"/>
    <x v="36"/>
    <s v="EPPCOW"/>
    <n v="89.8"/>
    <x v="6"/>
  </r>
  <r>
    <x v="0"/>
    <s v="St Clairsville"/>
    <x v="37"/>
    <s v="EPSCOH"/>
    <n v="9.9"/>
    <x v="6"/>
  </r>
  <r>
    <x v="0"/>
    <s v="SHELBY"/>
    <x v="38"/>
    <s v="EPSHOH"/>
    <n v="12.3"/>
    <x v="6"/>
  </r>
  <r>
    <x v="0"/>
    <s v="GLOUSTER"/>
    <x v="39"/>
    <s v="EPVOGO"/>
    <n v="2.1"/>
    <x v="6"/>
  </r>
  <r>
    <x v="0"/>
    <s v="HOOSIER"/>
    <x v="40"/>
    <s v="HEREC"/>
    <n v="13.2"/>
    <x v="5"/>
  </r>
  <r>
    <x v="0"/>
    <s v="IMPA NETWORK AND/FRANK"/>
    <x v="41"/>
    <s v="IMPA"/>
    <n v="111.5"/>
    <x v="5"/>
  </r>
  <r>
    <x v="0"/>
    <s v="MP2 AP Retail"/>
    <x v="0"/>
    <s v="MP2APO"/>
    <n v="18.600000000000001"/>
    <x v="0"/>
  </r>
  <r>
    <x v="0"/>
    <s v="MARTINSVILLE"/>
    <x v="42"/>
    <s v="MRTNSV"/>
    <n v="33.1"/>
    <x v="8"/>
  </r>
  <r>
    <x v="0"/>
    <s v="Northeastern REMC"/>
    <x v="43"/>
    <s v="NEREMC"/>
    <n v="106.6"/>
    <x v="5"/>
  </r>
  <r>
    <x v="0"/>
    <s v="RICHLANDS"/>
    <x v="44"/>
    <s v="RCHLDS"/>
    <n v="18"/>
    <x v="8"/>
  </r>
  <r>
    <x v="0"/>
    <s v="Calpine Energy VA Retail"/>
    <x v="0"/>
    <s v="SESAEV"/>
    <n v="0.7"/>
    <x v="0"/>
  </r>
  <r>
    <x v="0"/>
    <s v="Wolverine Midwest"/>
    <x v="45"/>
    <s v="WPSCMW"/>
    <n v="86.2"/>
    <x v="9"/>
  </r>
  <r>
    <x v="0"/>
    <s v="Garrett"/>
    <x v="46"/>
    <s v="WPSGAR"/>
    <n v="16.2"/>
    <x v="5"/>
  </r>
  <r>
    <x v="0"/>
    <s v="Wabash - SDI"/>
    <x v="47"/>
    <s v="WVSDI"/>
    <n v="28.3"/>
    <x v="5"/>
  </r>
  <r>
    <x v="1"/>
    <s v="Appalachian Power"/>
    <x v="0"/>
    <s v="AEPAPD"/>
    <n v="6891.4"/>
    <x v="0"/>
  </r>
  <r>
    <x v="1"/>
    <s v="CRAIG-BOTETOURT"/>
    <x v="1"/>
    <s v="AEPAPD"/>
    <n v="15.6"/>
    <x v="0"/>
  </r>
  <r>
    <x v="1"/>
    <s v="ELK POWER/MUSSER CO"/>
    <x v="2"/>
    <s v="AEPAPD"/>
    <n v="12.6"/>
    <x v="0"/>
  </r>
  <r>
    <x v="1"/>
    <s v="ODEC"/>
    <x v="3"/>
    <s v="AEPAPD"/>
    <n v="45.7"/>
    <x v="0"/>
  </r>
  <r>
    <x v="1"/>
    <s v="RADFORD"/>
    <x v="4"/>
    <s v="AEPAPD"/>
    <n v="39.6"/>
    <x v="0"/>
  </r>
  <r>
    <x v="1"/>
    <s v="SALEM"/>
    <x v="5"/>
    <s v="AEPAPD"/>
    <n v="67.8"/>
    <x v="0"/>
  </r>
  <r>
    <x v="1"/>
    <s v="VATECH"/>
    <x v="6"/>
    <s v="AEPAPD"/>
    <n v="54.7"/>
    <x v="0"/>
  </r>
  <r>
    <x v="1"/>
    <s v="AEP FIRM SALE TO IMPA"/>
    <x v="7"/>
    <s v="AEPIMD"/>
    <n v="196.5"/>
    <x v="1"/>
  </r>
  <r>
    <x v="1"/>
    <s v="AUBURN"/>
    <x v="8"/>
    <s v="AEPIMD"/>
    <n v="69.2"/>
    <x v="1"/>
  </r>
  <r>
    <x v="1"/>
    <s v="DOWAGIAC"/>
    <x v="9"/>
    <s v="AEPIMD"/>
    <n v="8.6"/>
    <x v="1"/>
  </r>
  <r>
    <x v="1"/>
    <s v="Indiana Michigan Power"/>
    <x v="10"/>
    <s v="AEPIMD"/>
    <n v="2964.9"/>
    <x v="1"/>
  </r>
  <r>
    <x v="1"/>
    <s v="STURGIS"/>
    <x v="11"/>
    <s v="STURGS"/>
    <n v="30.4"/>
    <x v="9"/>
  </r>
  <r>
    <x v="1"/>
    <s v="Wabash - AEP"/>
    <x v="12"/>
    <s v="AEPIMD"/>
    <n v="155.1"/>
    <x v="1"/>
  </r>
  <r>
    <x v="1"/>
    <s v="IMMDA Avilla"/>
    <x v="13"/>
    <s v="WPSAVI"/>
    <n v="6.7"/>
    <x v="5"/>
  </r>
  <r>
    <x v="1"/>
    <s v="IMMDA Bluffton"/>
    <x v="14"/>
    <s v="WPSBLF"/>
    <n v="40.799999999999997"/>
    <x v="5"/>
  </r>
  <r>
    <x v="1"/>
    <s v="IMMDA Mishawak"/>
    <x v="15"/>
    <s v="WPSMIS"/>
    <n v="91.8"/>
    <x v="5"/>
  </r>
  <r>
    <x v="1"/>
    <s v="IMMDA New Carlisle"/>
    <x v="16"/>
    <s v="WPSNCA"/>
    <n v="1.8"/>
    <x v="5"/>
  </r>
  <r>
    <x v="1"/>
    <s v="IMMDA Niles"/>
    <x v="17"/>
    <s v="NILES"/>
    <n v="19.899999999999999"/>
    <x v="9"/>
  </r>
  <r>
    <x v="1"/>
    <s v="IMMDA Paw Paw"/>
    <x v="18"/>
    <s v="PAWPAW"/>
    <n v="6.3"/>
    <x v="9"/>
  </r>
  <r>
    <x v="1"/>
    <s v="IMMDA South Haven"/>
    <x v="19"/>
    <s v="SHAVEN"/>
    <n v="21"/>
    <x v="9"/>
  </r>
  <r>
    <x v="1"/>
    <s v="IMMDA Warren"/>
    <x v="20"/>
    <s v="WPSWAR"/>
    <n v="3.3"/>
    <x v="5"/>
  </r>
  <r>
    <x v="1"/>
    <s v="Kentucky Power"/>
    <x v="21"/>
    <s v="AEPKPD"/>
    <n v="1273.0999999999999"/>
    <x v="2"/>
  </r>
  <r>
    <x v="1"/>
    <s v="VANCEBURG"/>
    <x v="22"/>
    <s v="AEPKPD"/>
    <n v="14.4"/>
    <x v="2"/>
  </r>
  <r>
    <x v="1"/>
    <s v="OLIVE HILL"/>
    <x v="22"/>
    <s v="AEPKPD"/>
    <n v="6.5"/>
    <x v="2"/>
  </r>
  <r>
    <x v="1"/>
    <s v="Ohio Power Residual"/>
    <x v="23"/>
    <s v="AEPOPD"/>
    <n v="7422.1"/>
    <x v="3"/>
  </r>
  <r>
    <x v="1"/>
    <s v="Wheeling Power"/>
    <x v="24"/>
    <s v="AEPWPD"/>
    <n v="503"/>
    <x v="4"/>
  </r>
  <r>
    <x v="1"/>
    <s v="AK STEEL"/>
    <x v="25"/>
    <s v="AKSTL"/>
    <n v="29"/>
    <x v="5"/>
  </r>
  <r>
    <x v="1"/>
    <s v="AMP Partners"/>
    <x v="26"/>
    <s v="AMPAEP"/>
    <n v="72.099999999999994"/>
    <x v="6"/>
  </r>
  <r>
    <x v="1"/>
    <s v="Bedford Moseley 13 kV"/>
    <x v="27"/>
    <s v="AMPBWH"/>
    <n v="1"/>
    <x v="6"/>
  </r>
  <r>
    <x v="1"/>
    <s v="DANVILLE"/>
    <x v="28"/>
    <s v="AMPDAN"/>
    <n v="184.6"/>
    <x v="6"/>
  </r>
  <r>
    <x v="1"/>
    <s v="OMEG"/>
    <x v="29"/>
    <s v="AMPOMG"/>
    <n v="88.7"/>
    <x v="6"/>
  </r>
  <r>
    <x v="1"/>
    <s v="AMP Wapakoneta"/>
    <x v="30"/>
    <s v="AMPWAP"/>
    <n v="0.3"/>
    <x v="6"/>
  </r>
  <r>
    <x v="1"/>
    <s v="WEST VIRGINIA POWER"/>
    <x v="31"/>
    <s v="APWVP"/>
    <n v="141.9"/>
    <x v="7"/>
  </r>
  <r>
    <x v="1"/>
    <s v="BEDFORD"/>
    <x v="32"/>
    <s v="BEDFRD"/>
    <n v="39.1"/>
    <x v="8"/>
  </r>
  <r>
    <x v="1"/>
    <s v="Buckeye AEP Ohio"/>
    <x v="33"/>
    <s v="BUCK"/>
    <n v="1221.5999999999999"/>
    <x v="6"/>
  </r>
  <r>
    <x v="1"/>
    <s v="Buckeye IMP"/>
    <x v="33"/>
    <s v="BUCK"/>
    <n v="20.2"/>
    <x v="5"/>
  </r>
  <r>
    <x v="1"/>
    <s v="Collegiate VA Retail"/>
    <x v="0"/>
    <s v="COLGCE"/>
    <n v="19.3"/>
    <x v="0"/>
  </r>
  <r>
    <x v="1"/>
    <s v="CVEC"/>
    <x v="34"/>
    <s v="CVEC"/>
    <n v="37.9"/>
    <x v="8"/>
  </r>
  <r>
    <x v="1"/>
    <s v="EDF VA Retail"/>
    <x v="0"/>
    <s v="EIPAPV"/>
    <n v="7.5"/>
    <x v="0"/>
  </r>
  <r>
    <x v="1"/>
    <s v="EP City of Columbus"/>
    <x v="35"/>
    <s v="EPPCOL"/>
    <n v="125.4"/>
    <x v="6"/>
  </r>
  <r>
    <x v="1"/>
    <s v="City of Westerville EP"/>
    <x v="36"/>
    <s v="EPPCOW"/>
    <n v="89.8"/>
    <x v="6"/>
  </r>
  <r>
    <x v="1"/>
    <s v="St Clairsville"/>
    <x v="37"/>
    <s v="EPSCOH"/>
    <n v="9.9"/>
    <x v="6"/>
  </r>
  <r>
    <x v="1"/>
    <s v="SHELBY"/>
    <x v="38"/>
    <s v="EPSHOH"/>
    <n v="12.3"/>
    <x v="6"/>
  </r>
  <r>
    <x v="1"/>
    <s v="GLOUSTER"/>
    <x v="39"/>
    <s v="EPVOGO"/>
    <n v="2.1"/>
    <x v="6"/>
  </r>
  <r>
    <x v="1"/>
    <s v="HOOSIER"/>
    <x v="40"/>
    <s v="HEREC"/>
    <n v="13.2"/>
    <x v="5"/>
  </r>
  <r>
    <x v="1"/>
    <s v="IMPA NETWORK AND/FRANK"/>
    <x v="41"/>
    <s v="IMPA"/>
    <n v="111.5"/>
    <x v="5"/>
  </r>
  <r>
    <x v="1"/>
    <s v="MP2 AP Retail"/>
    <x v="0"/>
    <s v="MP2APO"/>
    <n v="18.600000000000001"/>
    <x v="0"/>
  </r>
  <r>
    <x v="1"/>
    <s v="MARTINSVILLE"/>
    <x v="42"/>
    <s v="MRTNSV"/>
    <n v="33.1"/>
    <x v="8"/>
  </r>
  <r>
    <x v="1"/>
    <s v="Northeastern REMC"/>
    <x v="43"/>
    <s v="NEREMC"/>
    <n v="106.6"/>
    <x v="5"/>
  </r>
  <r>
    <x v="1"/>
    <s v="RICHLANDS"/>
    <x v="44"/>
    <s v="RCHLDS"/>
    <n v="18"/>
    <x v="8"/>
  </r>
  <r>
    <x v="1"/>
    <s v="Calpine Energy VA Retail"/>
    <x v="0"/>
    <s v="SESAEV"/>
    <n v="0.7"/>
    <x v="0"/>
  </r>
  <r>
    <x v="1"/>
    <s v="Wolverine Midwest"/>
    <x v="45"/>
    <s v="WPSCMW"/>
    <n v="86.2"/>
    <x v="9"/>
  </r>
  <r>
    <x v="1"/>
    <s v="Garrett"/>
    <x v="46"/>
    <s v="WPSGAR"/>
    <n v="16.2"/>
    <x v="5"/>
  </r>
  <r>
    <x v="1"/>
    <s v="Wabash - SDI"/>
    <x v="47"/>
    <s v="WVSDI"/>
    <n v="28.3"/>
    <x v="5"/>
  </r>
  <r>
    <x v="2"/>
    <s v="Appalachian Power"/>
    <x v="0"/>
    <s v="AEPAPD"/>
    <n v="4936.2"/>
    <x v="0"/>
  </r>
  <r>
    <x v="2"/>
    <s v="CRAIG-BOTETOURT"/>
    <x v="1"/>
    <s v="AEPAPD"/>
    <n v="9.8000000000000007"/>
    <x v="0"/>
  </r>
  <r>
    <x v="2"/>
    <s v="ELK POWER/MUSSER CO"/>
    <x v="2"/>
    <s v="AEPAPD"/>
    <n v="10.5"/>
    <x v="0"/>
  </r>
  <r>
    <x v="2"/>
    <s v="ODEC"/>
    <x v="3"/>
    <s v="AEPAPD"/>
    <n v="30.3"/>
    <x v="0"/>
  </r>
  <r>
    <x v="2"/>
    <s v="RADFORD"/>
    <x v="4"/>
    <s v="AEPAPD"/>
    <n v="30"/>
    <x v="0"/>
  </r>
  <r>
    <x v="2"/>
    <s v="SALEM"/>
    <x v="5"/>
    <s v="AEPAPD"/>
    <n v="72.8"/>
    <x v="0"/>
  </r>
  <r>
    <x v="2"/>
    <s v="VATECH"/>
    <x v="6"/>
    <s v="AEPAPD"/>
    <n v="48.8"/>
    <x v="0"/>
  </r>
  <r>
    <x v="2"/>
    <s v="AEP FIRM SALE TO IMPA"/>
    <x v="7"/>
    <s v="AEPIMD"/>
    <n v="196.5"/>
    <x v="1"/>
  </r>
  <r>
    <x v="2"/>
    <s v="AUBURN"/>
    <x v="8"/>
    <s v="AEPIMD"/>
    <n v="68.3"/>
    <x v="1"/>
  </r>
  <r>
    <x v="2"/>
    <s v="DOWAGIAC"/>
    <x v="9"/>
    <s v="AEPIMD"/>
    <n v="11.6"/>
    <x v="1"/>
  </r>
  <r>
    <x v="2"/>
    <s v="Indiana Michigan Power"/>
    <x v="10"/>
    <s v="AEPIMD"/>
    <n v="3406.1"/>
    <x v="1"/>
  </r>
  <r>
    <x v="2"/>
    <s v="STURGIS"/>
    <x v="11"/>
    <s v="STURGS"/>
    <n v="39"/>
    <x v="9"/>
  </r>
  <r>
    <x v="2"/>
    <s v="Wabash - AEP"/>
    <x v="12"/>
    <s v="AEPIMD"/>
    <n v="144.9"/>
    <x v="1"/>
  </r>
  <r>
    <x v="2"/>
    <s v="IMMDA Avilla"/>
    <x v="13"/>
    <s v="WPSAVI"/>
    <n v="6.8"/>
    <x v="5"/>
  </r>
  <r>
    <x v="2"/>
    <s v="IMMDA Bluffton"/>
    <x v="14"/>
    <s v="WPSBLF"/>
    <n v="41.1"/>
    <x v="5"/>
  </r>
  <r>
    <x v="2"/>
    <s v="IMMDA Mishawak"/>
    <x v="15"/>
    <s v="WPSMIS"/>
    <n v="134.19999999999999"/>
    <x v="5"/>
  </r>
  <r>
    <x v="2"/>
    <s v="IMMDA New Carlisle"/>
    <x v="16"/>
    <s v="WPSNCA"/>
    <n v="3.4"/>
    <x v="5"/>
  </r>
  <r>
    <x v="2"/>
    <s v="IMMDA Niles"/>
    <x v="17"/>
    <s v="NILES"/>
    <n v="28.3"/>
    <x v="9"/>
  </r>
  <r>
    <x v="2"/>
    <s v="IMMDA Paw Paw"/>
    <x v="18"/>
    <s v="PAWPAW"/>
    <n v="10.3"/>
    <x v="9"/>
  </r>
  <r>
    <x v="2"/>
    <s v="IMMDA South Haven"/>
    <x v="19"/>
    <s v="SHAVEN"/>
    <n v="33.200000000000003"/>
    <x v="9"/>
  </r>
  <r>
    <x v="2"/>
    <s v="IMMDA Warren"/>
    <x v="20"/>
    <s v="WPSWAR"/>
    <n v="4"/>
    <x v="5"/>
  </r>
  <r>
    <x v="2"/>
    <s v="Kentucky Power"/>
    <x v="21"/>
    <s v="AEPKPD"/>
    <n v="909.6"/>
    <x v="2"/>
  </r>
  <r>
    <x v="2"/>
    <s v="VANCEBURG"/>
    <x v="22"/>
    <s v="AEPKPD"/>
    <n v="11"/>
    <x v="2"/>
  </r>
  <r>
    <x v="2"/>
    <s v="OLIVE HILL"/>
    <x v="22"/>
    <s v="AEPKPD"/>
    <n v="4.8"/>
    <x v="2"/>
  </r>
  <r>
    <x v="2"/>
    <s v="Ohio Power Residual"/>
    <x v="23"/>
    <s v="AEPOPD"/>
    <n v="8431"/>
    <x v="3"/>
  </r>
  <r>
    <x v="2"/>
    <s v="Wheeling Power"/>
    <x v="24"/>
    <s v="AEPWPD"/>
    <n v="563.70000000000005"/>
    <x v="4"/>
  </r>
  <r>
    <x v="2"/>
    <s v="AK STEEL"/>
    <x v="25"/>
    <s v="AKSTL"/>
    <n v="26.9"/>
    <x v="5"/>
  </r>
  <r>
    <x v="2"/>
    <s v="AMP Partners"/>
    <x v="26"/>
    <s v="AMPAEP"/>
    <n v="63"/>
    <x v="6"/>
  </r>
  <r>
    <x v="2"/>
    <s v="DANVILLE"/>
    <x v="28"/>
    <s v="AMPDAN"/>
    <n v="143.4"/>
    <x v="6"/>
  </r>
  <r>
    <x v="2"/>
    <s v="OMEG"/>
    <x v="29"/>
    <s v="AMPOMG"/>
    <n v="91.4"/>
    <x v="6"/>
  </r>
  <r>
    <x v="2"/>
    <s v="AMP Wapakoneta"/>
    <x v="30"/>
    <s v="AMPWAP"/>
    <n v="0.4"/>
    <x v="6"/>
  </r>
  <r>
    <x v="2"/>
    <s v="AMP Wapakoneta2"/>
    <x v="48"/>
    <s v="AMPWPM"/>
    <n v="19.5"/>
    <x v="6"/>
  </r>
  <r>
    <x v="2"/>
    <s v="AMP Wapakoneta3"/>
    <x v="49"/>
    <s v="AMPWBX"/>
    <m/>
    <x v="6"/>
  </r>
  <r>
    <x v="2"/>
    <s v="WEST VIRGINIA POWER"/>
    <x v="31"/>
    <s v="APWVP"/>
    <n v="88.5"/>
    <x v="7"/>
  </r>
  <r>
    <x v="2"/>
    <s v="BEDFORD"/>
    <x v="32"/>
    <s v="BEDFRD"/>
    <n v="20.9"/>
    <x v="8"/>
  </r>
  <r>
    <x v="2"/>
    <s v="Buckeye AEP Ohio"/>
    <x v="33"/>
    <s v="BUCK"/>
    <n v="1174.5"/>
    <x v="6"/>
  </r>
  <r>
    <x v="2"/>
    <s v="Buckeye IMP"/>
    <x v="33"/>
    <s v="BUCK"/>
    <n v="23.1"/>
    <x v="5"/>
  </r>
  <r>
    <x v="2"/>
    <s v="Collegiate VA Retail"/>
    <x v="0"/>
    <s v="COLGCE"/>
    <n v="6.6"/>
    <x v="0"/>
  </r>
  <r>
    <x v="2"/>
    <s v="CVEC"/>
    <x v="34"/>
    <s v="CVEC"/>
    <n v="24.1"/>
    <x v="8"/>
  </r>
  <r>
    <x v="2"/>
    <s v="EDF VA Retail"/>
    <x v="0"/>
    <s v="EIPAPV"/>
    <n v="7"/>
    <x v="0"/>
  </r>
  <r>
    <x v="2"/>
    <s v="EP City of Columbus"/>
    <x v="35"/>
    <s v="EPPCOL"/>
    <n v="146"/>
    <x v="6"/>
  </r>
  <r>
    <x v="2"/>
    <s v="City of Westerville EP"/>
    <x v="36"/>
    <s v="EPPCOW"/>
    <n v="105.1"/>
    <x v="6"/>
  </r>
  <r>
    <x v="2"/>
    <s v="St Clairsville"/>
    <x v="37"/>
    <s v="EPSCOH"/>
    <n v="9.1"/>
    <x v="6"/>
  </r>
  <r>
    <x v="2"/>
    <s v="SHELBY"/>
    <x v="38"/>
    <s v="EPSHOH"/>
    <n v="12.2"/>
    <x v="6"/>
  </r>
  <r>
    <x v="2"/>
    <s v="GLOUSTER"/>
    <x v="39"/>
    <s v="EPVOGO"/>
    <n v="2.7"/>
    <x v="6"/>
  </r>
  <r>
    <x v="2"/>
    <s v="HOOSIER"/>
    <x v="40"/>
    <s v="HEREC"/>
    <n v="10.7"/>
    <x v="5"/>
  </r>
  <r>
    <x v="2"/>
    <s v="IMPA NETWORK AND/FRANK"/>
    <x v="41"/>
    <s v="IMPA"/>
    <n v="53.2"/>
    <x v="5"/>
  </r>
  <r>
    <x v="2"/>
    <s v="MP2 AP Retail"/>
    <x v="0"/>
    <s v="MP2APO"/>
    <n v="13.2"/>
    <x v="0"/>
  </r>
  <r>
    <x v="2"/>
    <s v="MARTINSVILLE"/>
    <x v="42"/>
    <s v="MRTNSV"/>
    <n v="29"/>
    <x v="8"/>
  </r>
  <r>
    <x v="2"/>
    <s v="Northeastern REMC"/>
    <x v="43"/>
    <s v="NEREMC"/>
    <n v="134.30000000000001"/>
    <x v="5"/>
  </r>
  <r>
    <x v="2"/>
    <s v="RICHLANDS"/>
    <x v="44"/>
    <s v="RCHLDS"/>
    <n v="9.9"/>
    <x v="8"/>
  </r>
  <r>
    <x v="2"/>
    <s v="Calpine Energy VA Retail"/>
    <x v="0"/>
    <s v="SESAEV"/>
    <n v="0.1"/>
    <x v="0"/>
  </r>
  <r>
    <x v="2"/>
    <s v="Wolverine Midwest"/>
    <x v="45"/>
    <s v="WPSCMW"/>
    <n v="125.1"/>
    <x v="9"/>
  </r>
  <r>
    <x v="2"/>
    <s v="Garrett"/>
    <x v="46"/>
    <s v="WPSGAR"/>
    <n v="17.100000000000001"/>
    <x v="5"/>
  </r>
  <r>
    <x v="2"/>
    <s v="Wabash - SDI"/>
    <x v="47"/>
    <s v="WVSDI"/>
    <n v="31.6"/>
    <x v="5"/>
  </r>
  <r>
    <x v="2"/>
    <s v="Exelon Generation Co., LLC (NEV_AEP_IMP)"/>
    <x v="10"/>
    <s v="NEVAEM"/>
    <n v="40.1"/>
    <x v="1"/>
  </r>
  <r>
    <x v="3"/>
    <s v="Appalachian Power"/>
    <x v="0"/>
    <s v="AEPAPD"/>
    <n v="5023.8999999999996"/>
    <x v="0"/>
  </r>
  <r>
    <x v="3"/>
    <s v="CRAIG-BOTETOURT"/>
    <x v="1"/>
    <s v="AEPAPD"/>
    <n v="10.7"/>
    <x v="0"/>
  </r>
  <r>
    <x v="3"/>
    <s v="ELK POWER/MUSSER CO"/>
    <x v="2"/>
    <s v="AEPAPD"/>
    <n v="10.4"/>
    <x v="0"/>
  </r>
  <r>
    <x v="3"/>
    <s v="ODEC"/>
    <x v="3"/>
    <s v="AEPAPD"/>
    <n v="32.700000000000003"/>
    <x v="0"/>
  </r>
  <r>
    <x v="3"/>
    <s v="RADFORD"/>
    <x v="4"/>
    <s v="AEPAPD"/>
    <n v="33.6"/>
    <x v="0"/>
  </r>
  <r>
    <x v="3"/>
    <s v="SALEM"/>
    <x v="5"/>
    <s v="AEPAPD"/>
    <n v="75.599999999999994"/>
    <x v="0"/>
  </r>
  <r>
    <x v="3"/>
    <s v="VATECH"/>
    <x v="6"/>
    <s v="AEPAPD"/>
    <n v="61.1"/>
    <x v="0"/>
  </r>
  <r>
    <x v="3"/>
    <s v="AEP FIRM SALE TO IMPA"/>
    <x v="7"/>
    <s v="AEPIMD"/>
    <n v="196.5"/>
    <x v="1"/>
  </r>
  <r>
    <x v="3"/>
    <s v="AUBURN"/>
    <x v="8"/>
    <s v="AEPIMD"/>
    <n v="80.400000000000006"/>
    <x v="1"/>
  </r>
  <r>
    <x v="3"/>
    <s v="DOWAGIAC"/>
    <x v="9"/>
    <s v="AEPIMD"/>
    <n v="11.9"/>
    <x v="1"/>
  </r>
  <r>
    <x v="3"/>
    <s v="Indiana Michigan Power"/>
    <x v="10"/>
    <s v="AEPIMD"/>
    <n v="3478.9"/>
    <x v="1"/>
  </r>
  <r>
    <x v="3"/>
    <s v="STURGIS"/>
    <x v="11"/>
    <s v="STURGS"/>
    <n v="27.4"/>
    <x v="9"/>
  </r>
  <r>
    <x v="3"/>
    <s v="Wabash - AEP"/>
    <x v="12"/>
    <s v="AEPIMD"/>
    <n v="153.4"/>
    <x v="1"/>
  </r>
  <r>
    <x v="3"/>
    <s v="IMMDA Avilla"/>
    <x v="13"/>
    <s v="WPSAVI"/>
    <n v="8"/>
    <x v="5"/>
  </r>
  <r>
    <x v="3"/>
    <s v="IMMDA Bluffton"/>
    <x v="14"/>
    <s v="WPSBLF"/>
    <n v="33.200000000000003"/>
    <x v="5"/>
  </r>
  <r>
    <x v="3"/>
    <s v="IMMDA Mishawak"/>
    <x v="15"/>
    <s v="WPSMIS"/>
    <n v="138.80000000000001"/>
    <x v="5"/>
  </r>
  <r>
    <x v="3"/>
    <s v="IMMDA New Carlisle"/>
    <x v="16"/>
    <s v="WPSNCA"/>
    <n v="3.6"/>
    <x v="5"/>
  </r>
  <r>
    <x v="3"/>
    <s v="IMMDA Niles"/>
    <x v="17"/>
    <s v="NILES"/>
    <n v="31.5"/>
    <x v="9"/>
  </r>
  <r>
    <x v="3"/>
    <s v="IMMDA Paw Paw"/>
    <x v="18"/>
    <s v="PAWPAW"/>
    <n v="10.9"/>
    <x v="9"/>
  </r>
  <r>
    <x v="3"/>
    <s v="IMMDA South Haven"/>
    <x v="19"/>
    <s v="SHAVEN"/>
    <n v="34.799999999999997"/>
    <x v="9"/>
  </r>
  <r>
    <x v="3"/>
    <s v="IMMDA Warren"/>
    <x v="20"/>
    <s v="WPSWAR"/>
    <n v="4.3"/>
    <x v="5"/>
  </r>
  <r>
    <x v="3"/>
    <s v="Kentucky Power"/>
    <x v="21"/>
    <s v="AEPKPD"/>
    <n v="929.4"/>
    <x v="2"/>
  </r>
  <r>
    <x v="3"/>
    <s v="VANCEBURG"/>
    <x v="22"/>
    <s v="AEPKPD"/>
    <n v="11.2"/>
    <x v="2"/>
  </r>
  <r>
    <x v="3"/>
    <s v="OLIVE HILL"/>
    <x v="22"/>
    <s v="AEPKPD"/>
    <n v="4.7"/>
    <x v="2"/>
  </r>
  <r>
    <x v="3"/>
    <s v="Ohio Power Residual"/>
    <x v="23"/>
    <s v="AEPOPD"/>
    <n v="8413.2999999999975"/>
    <x v="3"/>
  </r>
  <r>
    <x v="3"/>
    <s v="Wheeling Power"/>
    <x v="24"/>
    <s v="AEPWPD"/>
    <n v="631.20000000000005"/>
    <x v="4"/>
  </r>
  <r>
    <x v="3"/>
    <s v="AK STEEL"/>
    <x v="25"/>
    <s v="AKSTL"/>
    <n v="30"/>
    <x v="5"/>
  </r>
  <r>
    <x v="3"/>
    <s v="AMP Partners"/>
    <x v="26"/>
    <s v="AMPAEP"/>
    <n v="72.3"/>
    <x v="6"/>
  </r>
  <r>
    <x v="3"/>
    <s v="DANVILLE"/>
    <x v="28"/>
    <s v="AMPDAN"/>
    <n v="162.5"/>
    <x v="6"/>
  </r>
  <r>
    <x v="3"/>
    <s v="OMEG"/>
    <x v="29"/>
    <s v="AMPOMG"/>
    <n v="83.8"/>
    <x v="6"/>
  </r>
  <r>
    <x v="3"/>
    <s v="AMP Wapakoneta"/>
    <x v="30"/>
    <s v="AMPWAP"/>
    <n v="0.4"/>
    <x v="6"/>
  </r>
  <r>
    <x v="3"/>
    <s v="AMP Wapakoneta2"/>
    <x v="48"/>
    <s v="AMPWPM"/>
    <n v="20.7"/>
    <x v="6"/>
  </r>
  <r>
    <x v="3"/>
    <s v="AMP Wapakoneta3"/>
    <x v="49"/>
    <s v="AMPWBX"/>
    <n v="1.7"/>
    <x v="6"/>
  </r>
  <r>
    <x v="3"/>
    <s v="WEST VIRGINIA POWER"/>
    <x v="31"/>
    <s v="APWVP"/>
    <n v="91.7"/>
    <x v="7"/>
  </r>
  <r>
    <x v="3"/>
    <s v="BEDFORD"/>
    <x v="32"/>
    <s v="BEDFRD"/>
    <n v="25.7"/>
    <x v="8"/>
  </r>
  <r>
    <x v="3"/>
    <s v="Buckeye AEP Ohio"/>
    <x v="33"/>
    <s v="BUCK"/>
    <n v="1160"/>
    <x v="6"/>
  </r>
  <r>
    <x v="3"/>
    <s v="Buckeye IMP"/>
    <x v="33"/>
    <s v="BUCK"/>
    <n v="23.8"/>
    <x v="5"/>
  </r>
  <r>
    <x v="3"/>
    <s v="Collegiate VA Retail"/>
    <x v="0"/>
    <s v="COLGCE"/>
    <n v="9.3000000000000007"/>
    <x v="0"/>
  </r>
  <r>
    <x v="3"/>
    <s v="CVEC"/>
    <x v="34"/>
    <s v="CVEC"/>
    <n v="26.1"/>
    <x v="8"/>
  </r>
  <r>
    <x v="3"/>
    <s v="EDF VA Retail"/>
    <x v="0"/>
    <s v="EIPAPV"/>
    <n v="7.1"/>
    <x v="0"/>
  </r>
  <r>
    <x v="3"/>
    <s v="EP City of Columbus"/>
    <x v="35"/>
    <s v="EPPCOL"/>
    <n v="153.69999999999999"/>
    <x v="6"/>
  </r>
  <r>
    <x v="3"/>
    <s v="City of Westerville EP"/>
    <x v="36"/>
    <s v="EPPCOW"/>
    <n v="105.9"/>
    <x v="6"/>
  </r>
  <r>
    <x v="3"/>
    <s v="St Clairsville"/>
    <x v="37"/>
    <s v="EPSCOH"/>
    <n v="10.8"/>
    <x v="6"/>
  </r>
  <r>
    <x v="3"/>
    <s v="SHELBY"/>
    <x v="38"/>
    <s v="EPSHOH"/>
    <n v="11.5"/>
    <x v="6"/>
  </r>
  <r>
    <x v="3"/>
    <s v="GLOUSTER"/>
    <x v="39"/>
    <s v="EPVOGO"/>
    <n v="2.6"/>
    <x v="6"/>
  </r>
  <r>
    <x v="3"/>
    <s v="HOOSIER"/>
    <x v="40"/>
    <s v="HEREC"/>
    <n v="11.4"/>
    <x v="5"/>
  </r>
  <r>
    <x v="3"/>
    <s v="IMPA NETWORK AND/FRANK"/>
    <x v="41"/>
    <s v="IMPA"/>
    <n v="59.4"/>
    <x v="5"/>
  </r>
  <r>
    <x v="3"/>
    <s v="MP2 AP Retail"/>
    <x v="0"/>
    <s v="MP2APO"/>
    <n v="14.5"/>
    <x v="0"/>
  </r>
  <r>
    <x v="3"/>
    <s v="MARTINSVILLE"/>
    <x v="42"/>
    <s v="MRTNSV"/>
    <n v="34.200000000000003"/>
    <x v="8"/>
  </r>
  <r>
    <x v="3"/>
    <s v="Northeastern REMC"/>
    <x v="43"/>
    <s v="NEREMC"/>
    <n v="125.2"/>
    <x v="5"/>
  </r>
  <r>
    <x v="3"/>
    <s v="RICHLANDS"/>
    <x v="44"/>
    <s v="RCHLDS"/>
    <n v="9.8000000000000007"/>
    <x v="8"/>
  </r>
  <r>
    <x v="3"/>
    <s v="Calpine Energy VA Retail"/>
    <x v="0"/>
    <s v="SESAEV"/>
    <n v="0.1"/>
    <x v="0"/>
  </r>
  <r>
    <x v="3"/>
    <s v="Wolverine Midwest"/>
    <x v="45"/>
    <s v="WPSCMW"/>
    <n v="119.9"/>
    <x v="9"/>
  </r>
  <r>
    <x v="3"/>
    <s v="Garrett"/>
    <x v="46"/>
    <s v="WPSGAR"/>
    <n v="18.399999999999999"/>
    <x v="5"/>
  </r>
  <r>
    <x v="3"/>
    <s v="Wabash - SDI"/>
    <x v="47"/>
    <s v="WVSDI"/>
    <n v="38.4"/>
    <x v="5"/>
  </r>
  <r>
    <x v="3"/>
    <s v="Exelon Generation Co., LLC (NEV_AEP_IMP)"/>
    <x v="10"/>
    <s v="NEVAEM"/>
    <n v="43"/>
    <x v="1"/>
  </r>
  <r>
    <x v="4"/>
    <m/>
    <x v="50"/>
    <m/>
    <m/>
    <x v="1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2" cacheId="0" applyNumberFormats="0" applyBorderFormats="0" applyFontFormats="0" applyPatternFormats="0" applyAlignmentFormats="0" applyWidthHeightFormats="1" dataCaption="Values" updatedVersion="6" minRefreshableVersion="3" useAutoFormatting="1" colGrandTotals="0" itemPrintTitles="1" createdVersion="6" indent="0" outline="1" outlineData="1" multipleFieldFilters="0">
  <location ref="A3:E15" firstHeaderRow="1" firstDataRow="2" firstDataCol="1"/>
  <pivotFields count="6">
    <pivotField axis="axisCol" showAll="0">
      <items count="6">
        <item x="0"/>
        <item x="1"/>
        <item x="2"/>
        <item x="3"/>
        <item x="4"/>
        <item t="default"/>
      </items>
    </pivotField>
    <pivotField showAll="0"/>
    <pivotField axis="axisRow" showAll="0">
      <items count="52">
        <item x="23"/>
        <item x="26"/>
        <item x="41"/>
        <item x="0"/>
        <item x="8"/>
        <item x="13"/>
        <item x="32"/>
        <item x="27"/>
        <item x="14"/>
        <item x="33"/>
        <item x="1"/>
        <item x="35"/>
        <item x="34"/>
        <item x="28"/>
        <item x="9"/>
        <item x="2"/>
        <item x="46"/>
        <item x="39"/>
        <item x="40"/>
        <item x="10"/>
        <item x="7"/>
        <item x="21"/>
        <item x="42"/>
        <item x="45"/>
        <item x="15"/>
        <item x="16"/>
        <item x="17"/>
        <item x="43"/>
        <item x="3"/>
        <item x="29"/>
        <item x="18"/>
        <item x="4"/>
        <item x="44"/>
        <item x="25"/>
        <item x="5"/>
        <item x="38"/>
        <item x="19"/>
        <item x="37"/>
        <item x="11"/>
        <item x="22"/>
        <item x="6"/>
        <item x="12"/>
        <item x="47"/>
        <item x="30"/>
        <item x="48"/>
        <item x="49"/>
        <item x="20"/>
        <item x="36"/>
        <item x="24"/>
        <item x="31"/>
        <item x="50"/>
        <item t="default"/>
      </items>
    </pivotField>
    <pivotField showAll="0"/>
    <pivotField dataField="1" showAll="0"/>
    <pivotField axis="axisRow" showAll="0">
      <items count="12">
        <item sd="0" x="3"/>
        <item sd="0" x="0"/>
        <item sd="0" x="1"/>
        <item sd="0" x="2"/>
        <item sd="0" x="4"/>
        <item sd="0" x="6"/>
        <item sd="0" x="5"/>
        <item sd="0" x="9"/>
        <item sd="0" x="8"/>
        <item sd="0" x="7"/>
        <item h="1" x="10"/>
        <item t="default"/>
      </items>
    </pivotField>
  </pivotFields>
  <rowFields count="2">
    <field x="5"/>
    <field x="2"/>
  </rowFields>
  <rowItems count="11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 t="grand">
      <x/>
    </i>
  </rowItems>
  <colFields count="1">
    <field x="0"/>
  </colFields>
  <colItems count="4">
    <i>
      <x/>
    </i>
    <i>
      <x v="1"/>
    </i>
    <i>
      <x v="2"/>
    </i>
    <i>
      <x v="3"/>
    </i>
  </colItems>
  <dataFields count="1">
    <dataField name="Sum of Allocation MW" fld="4" baseField="5" baseItem="0" numFmtId="4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15"/>
  <sheetViews>
    <sheetView tabSelected="1" workbookViewId="0">
      <selection activeCell="A7" sqref="A7"/>
    </sheetView>
  </sheetViews>
  <sheetFormatPr defaultRowHeight="14.5" x14ac:dyDescent="0.35"/>
  <cols>
    <col min="1" max="1" width="21.1796875" bestFit="1" customWidth="1"/>
    <col min="2" max="2" width="16.26953125" bestFit="1" customWidth="1"/>
    <col min="3" max="5" width="9.1796875" bestFit="1" customWidth="1"/>
    <col min="6" max="7" width="11.26953125" bestFit="1" customWidth="1"/>
  </cols>
  <sheetData>
    <row r="3" spans="1:5" x14ac:dyDescent="0.35">
      <c r="A3" s="1" t="s">
        <v>152</v>
      </c>
      <c r="B3" s="1" t="s">
        <v>151</v>
      </c>
    </row>
    <row r="4" spans="1:5" x14ac:dyDescent="0.35">
      <c r="A4" s="1" t="s">
        <v>149</v>
      </c>
      <c r="B4" t="s">
        <v>6</v>
      </c>
      <c r="C4" t="s">
        <v>133</v>
      </c>
      <c r="D4">
        <v>2021</v>
      </c>
      <c r="E4">
        <v>2022</v>
      </c>
    </row>
    <row r="5" spans="1:5" x14ac:dyDescent="0.35">
      <c r="A5" s="2" t="s">
        <v>56</v>
      </c>
      <c r="B5" s="3">
        <v>7422.1</v>
      </c>
      <c r="C5" s="3">
        <v>7422.1</v>
      </c>
      <c r="D5" s="3">
        <v>8431</v>
      </c>
      <c r="E5" s="3">
        <v>8413.2999999999975</v>
      </c>
    </row>
    <row r="6" spans="1:5" x14ac:dyDescent="0.35">
      <c r="A6" s="2" t="s">
        <v>10</v>
      </c>
      <c r="B6" s="3">
        <v>7173.5000000000009</v>
      </c>
      <c r="C6" s="3">
        <v>7173.5000000000009</v>
      </c>
      <c r="D6" s="3">
        <v>5165.3000000000011</v>
      </c>
      <c r="E6" s="3">
        <v>5279.0000000000009</v>
      </c>
    </row>
    <row r="7" spans="1:5" x14ac:dyDescent="0.35">
      <c r="A7" s="2" t="s">
        <v>22</v>
      </c>
      <c r="B7" s="3">
        <v>3616.3000000000011</v>
      </c>
      <c r="C7" s="3">
        <v>3394.3</v>
      </c>
      <c r="D7" s="3">
        <v>3867.5</v>
      </c>
      <c r="E7" s="3">
        <v>3964.1</v>
      </c>
    </row>
    <row r="8" spans="1:5" x14ac:dyDescent="0.35">
      <c r="A8" s="2" t="s">
        <v>49</v>
      </c>
      <c r="B8" s="3">
        <v>1294</v>
      </c>
      <c r="C8" s="3">
        <v>1294</v>
      </c>
      <c r="D8" s="3">
        <v>925.4</v>
      </c>
      <c r="E8" s="3">
        <v>945.30000000000007</v>
      </c>
    </row>
    <row r="9" spans="1:5" x14ac:dyDescent="0.35">
      <c r="A9" s="2" t="s">
        <v>57</v>
      </c>
      <c r="B9" s="3">
        <v>503</v>
      </c>
      <c r="C9" s="3">
        <v>503</v>
      </c>
      <c r="D9" s="3">
        <v>563.70000000000005</v>
      </c>
      <c r="E9" s="3">
        <v>631.20000000000005</v>
      </c>
    </row>
    <row r="10" spans="1:5" x14ac:dyDescent="0.35">
      <c r="A10" s="2" t="s">
        <v>67</v>
      </c>
      <c r="B10" s="3">
        <v>1807.8</v>
      </c>
      <c r="C10" s="3">
        <v>1807.8</v>
      </c>
      <c r="D10" s="3">
        <v>1767.3</v>
      </c>
      <c r="E10" s="3">
        <v>1785.9</v>
      </c>
    </row>
    <row r="11" spans="1:5" x14ac:dyDescent="0.35">
      <c r="A11" s="2" t="s">
        <v>63</v>
      </c>
      <c r="B11" s="3">
        <v>325</v>
      </c>
      <c r="C11" s="3">
        <v>469.4</v>
      </c>
      <c r="D11" s="3">
        <v>486.40000000000003</v>
      </c>
      <c r="E11" s="3">
        <v>494.49999999999994</v>
      </c>
    </row>
    <row r="12" spans="1:5" x14ac:dyDescent="0.35">
      <c r="A12" s="2" t="s">
        <v>126</v>
      </c>
      <c r="B12" s="3">
        <v>86.2</v>
      </c>
      <c r="C12" s="3">
        <v>163.80000000000001</v>
      </c>
      <c r="D12" s="3">
        <v>235.89999999999998</v>
      </c>
      <c r="E12" s="3">
        <v>224.5</v>
      </c>
    </row>
    <row r="13" spans="1:5" x14ac:dyDescent="0.35">
      <c r="A13" s="2" t="s">
        <v>84</v>
      </c>
      <c r="B13" s="3">
        <v>128.1</v>
      </c>
      <c r="C13" s="3">
        <v>128.1</v>
      </c>
      <c r="D13" s="3">
        <v>83.9</v>
      </c>
      <c r="E13" s="3">
        <v>95.8</v>
      </c>
    </row>
    <row r="14" spans="1:5" x14ac:dyDescent="0.35">
      <c r="A14" s="2" t="s">
        <v>81</v>
      </c>
      <c r="B14" s="3">
        <v>141.9</v>
      </c>
      <c r="C14" s="3">
        <v>141.9</v>
      </c>
      <c r="D14" s="3">
        <v>88.5</v>
      </c>
      <c r="E14" s="3">
        <v>91.7</v>
      </c>
    </row>
    <row r="15" spans="1:5" x14ac:dyDescent="0.35">
      <c r="A15" s="2" t="s">
        <v>150</v>
      </c>
      <c r="B15" s="3">
        <v>22497.9</v>
      </c>
      <c r="C15" s="3">
        <v>22497.9</v>
      </c>
      <c r="D15" s="3">
        <v>21614.900000000009</v>
      </c>
      <c r="E15" s="3">
        <v>21925.3</v>
      </c>
    </row>
  </sheetData>
  <pageMargins left="0.7" right="0.7" top="0.75" bottom="0.75" header="0.3" footer="0.3"/>
  <pageSetup orientation="portrait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21"/>
  <sheetViews>
    <sheetView topLeftCell="A157" workbookViewId="0">
      <selection activeCell="J175" sqref="J175"/>
    </sheetView>
  </sheetViews>
  <sheetFormatPr defaultRowHeight="14.5" x14ac:dyDescent="0.35"/>
  <cols>
    <col min="2" max="2" width="40" bestFit="1" customWidth="1"/>
    <col min="3" max="3" width="16.453125" bestFit="1" customWidth="1"/>
    <col min="4" max="4" width="9.7265625" bestFit="1" customWidth="1"/>
    <col min="5" max="5" width="14.1796875" bestFit="1" customWidth="1"/>
    <col min="6" max="6" width="15.81640625" bestFit="1" customWidth="1"/>
  </cols>
  <sheetData>
    <row r="1" spans="1:6" x14ac:dyDescent="0.3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</row>
    <row r="2" spans="1:6" x14ac:dyDescent="0.35">
      <c r="A2" t="s">
        <v>6</v>
      </c>
      <c r="B2" t="s">
        <v>7</v>
      </c>
      <c r="C2" t="s">
        <v>8</v>
      </c>
      <c r="D2" t="s">
        <v>9</v>
      </c>
      <c r="E2">
        <v>6891.4</v>
      </c>
      <c r="F2" t="s">
        <v>10</v>
      </c>
    </row>
    <row r="3" spans="1:6" x14ac:dyDescent="0.35">
      <c r="A3" t="s">
        <v>6</v>
      </c>
      <c r="B3" t="s">
        <v>11</v>
      </c>
      <c r="C3" t="s">
        <v>12</v>
      </c>
      <c r="D3" t="s">
        <v>9</v>
      </c>
      <c r="E3">
        <v>15.6</v>
      </c>
      <c r="F3" t="s">
        <v>10</v>
      </c>
    </row>
    <row r="4" spans="1:6" x14ac:dyDescent="0.35">
      <c r="A4" t="s">
        <v>6</v>
      </c>
      <c r="B4" t="s">
        <v>13</v>
      </c>
      <c r="C4" t="s">
        <v>14</v>
      </c>
      <c r="D4" t="s">
        <v>9</v>
      </c>
      <c r="E4">
        <v>12.6</v>
      </c>
      <c r="F4" t="s">
        <v>10</v>
      </c>
    </row>
    <row r="5" spans="1:6" x14ac:dyDescent="0.35">
      <c r="A5" t="s">
        <v>6</v>
      </c>
      <c r="B5" t="s">
        <v>15</v>
      </c>
      <c r="C5" t="s">
        <v>15</v>
      </c>
      <c r="D5" t="s">
        <v>9</v>
      </c>
      <c r="E5">
        <v>45.7</v>
      </c>
      <c r="F5" t="s">
        <v>10</v>
      </c>
    </row>
    <row r="6" spans="1:6" x14ac:dyDescent="0.35">
      <c r="A6" t="s">
        <v>6</v>
      </c>
      <c r="B6" t="s">
        <v>16</v>
      </c>
      <c r="C6" t="s">
        <v>16</v>
      </c>
      <c r="D6" t="s">
        <v>9</v>
      </c>
      <c r="E6">
        <v>39.6</v>
      </c>
      <c r="F6" t="s">
        <v>10</v>
      </c>
    </row>
    <row r="7" spans="1:6" x14ac:dyDescent="0.35">
      <c r="A7" t="s">
        <v>6</v>
      </c>
      <c r="B7" t="s">
        <v>17</v>
      </c>
      <c r="C7" t="s">
        <v>17</v>
      </c>
      <c r="D7" t="s">
        <v>9</v>
      </c>
      <c r="E7">
        <v>67.8</v>
      </c>
      <c r="F7" t="s">
        <v>10</v>
      </c>
    </row>
    <row r="8" spans="1:6" x14ac:dyDescent="0.35">
      <c r="A8" t="s">
        <v>6</v>
      </c>
      <c r="B8" t="s">
        <v>18</v>
      </c>
      <c r="C8" t="s">
        <v>18</v>
      </c>
      <c r="D8" t="s">
        <v>9</v>
      </c>
      <c r="E8">
        <v>54.7</v>
      </c>
      <c r="F8" t="s">
        <v>10</v>
      </c>
    </row>
    <row r="9" spans="1:6" x14ac:dyDescent="0.35">
      <c r="A9" t="s">
        <v>6</v>
      </c>
      <c r="B9" t="s">
        <v>19</v>
      </c>
      <c r="C9" t="s">
        <v>20</v>
      </c>
      <c r="D9" t="s">
        <v>21</v>
      </c>
      <c r="E9">
        <v>196.5</v>
      </c>
      <c r="F9" t="s">
        <v>22</v>
      </c>
    </row>
    <row r="10" spans="1:6" x14ac:dyDescent="0.35">
      <c r="A10" t="s">
        <v>6</v>
      </c>
      <c r="B10" t="s">
        <v>23</v>
      </c>
      <c r="C10" t="s">
        <v>23</v>
      </c>
      <c r="D10" t="s">
        <v>21</v>
      </c>
      <c r="E10">
        <v>69.2</v>
      </c>
      <c r="F10" t="s">
        <v>22</v>
      </c>
    </row>
    <row r="11" spans="1:6" x14ac:dyDescent="0.35">
      <c r="A11" t="s">
        <v>6</v>
      </c>
      <c r="B11" t="s">
        <v>24</v>
      </c>
      <c r="C11" t="s">
        <v>24</v>
      </c>
      <c r="D11" t="s">
        <v>21</v>
      </c>
      <c r="E11">
        <v>8.6</v>
      </c>
      <c r="F11" t="s">
        <v>22</v>
      </c>
    </row>
    <row r="12" spans="1:6" x14ac:dyDescent="0.35">
      <c r="A12" t="s">
        <v>6</v>
      </c>
      <c r="B12" t="s">
        <v>25</v>
      </c>
      <c r="C12" t="s">
        <v>26</v>
      </c>
      <c r="D12" t="s">
        <v>21</v>
      </c>
      <c r="E12">
        <v>2964.9</v>
      </c>
      <c r="F12" t="s">
        <v>22</v>
      </c>
    </row>
    <row r="13" spans="1:6" x14ac:dyDescent="0.35">
      <c r="A13" t="s">
        <v>6</v>
      </c>
      <c r="B13" t="s">
        <v>27</v>
      </c>
      <c r="C13" t="s">
        <v>27</v>
      </c>
      <c r="D13" t="s">
        <v>21</v>
      </c>
      <c r="E13">
        <v>30.4</v>
      </c>
      <c r="F13" t="s">
        <v>22</v>
      </c>
    </row>
    <row r="14" spans="1:6" x14ac:dyDescent="0.35">
      <c r="A14" t="s">
        <v>6</v>
      </c>
      <c r="B14" t="s">
        <v>28</v>
      </c>
      <c r="C14" t="s">
        <v>29</v>
      </c>
      <c r="D14" t="s">
        <v>21</v>
      </c>
      <c r="E14">
        <v>155.1</v>
      </c>
      <c r="F14" t="s">
        <v>22</v>
      </c>
    </row>
    <row r="15" spans="1:6" x14ac:dyDescent="0.35">
      <c r="A15" t="s">
        <v>6</v>
      </c>
      <c r="B15" t="s">
        <v>30</v>
      </c>
      <c r="C15" t="s">
        <v>31</v>
      </c>
      <c r="D15" t="s">
        <v>21</v>
      </c>
      <c r="E15">
        <v>6.7</v>
      </c>
      <c r="F15" t="s">
        <v>22</v>
      </c>
    </row>
    <row r="16" spans="1:6" x14ac:dyDescent="0.35">
      <c r="A16" t="s">
        <v>6</v>
      </c>
      <c r="B16" t="s">
        <v>32</v>
      </c>
      <c r="C16" t="s">
        <v>33</v>
      </c>
      <c r="D16" t="s">
        <v>21</v>
      </c>
      <c r="E16">
        <v>40.799999999999997</v>
      </c>
      <c r="F16" t="s">
        <v>22</v>
      </c>
    </row>
    <row r="17" spans="1:6" x14ac:dyDescent="0.35">
      <c r="A17" t="s">
        <v>6</v>
      </c>
      <c r="B17" t="s">
        <v>34</v>
      </c>
      <c r="C17" t="s">
        <v>35</v>
      </c>
      <c r="D17" t="s">
        <v>21</v>
      </c>
      <c r="E17">
        <v>91.8</v>
      </c>
      <c r="F17" t="s">
        <v>22</v>
      </c>
    </row>
    <row r="18" spans="1:6" x14ac:dyDescent="0.35">
      <c r="A18" t="s">
        <v>6</v>
      </c>
      <c r="B18" t="s">
        <v>36</v>
      </c>
      <c r="C18" t="s">
        <v>37</v>
      </c>
      <c r="D18" t="s">
        <v>21</v>
      </c>
      <c r="E18">
        <v>1.8</v>
      </c>
      <c r="F18" t="s">
        <v>22</v>
      </c>
    </row>
    <row r="19" spans="1:6" x14ac:dyDescent="0.35">
      <c r="A19" t="s">
        <v>6</v>
      </c>
      <c r="B19" t="s">
        <v>38</v>
      </c>
      <c r="C19" t="s">
        <v>39</v>
      </c>
      <c r="D19" t="s">
        <v>21</v>
      </c>
      <c r="E19">
        <v>19.899999999999999</v>
      </c>
      <c r="F19" t="s">
        <v>22</v>
      </c>
    </row>
    <row r="20" spans="1:6" x14ac:dyDescent="0.35">
      <c r="A20" t="s">
        <v>6</v>
      </c>
      <c r="B20" t="s">
        <v>40</v>
      </c>
      <c r="C20" t="s">
        <v>41</v>
      </c>
      <c r="D20" t="s">
        <v>21</v>
      </c>
      <c r="E20">
        <v>6.3</v>
      </c>
      <c r="F20" t="s">
        <v>22</v>
      </c>
    </row>
    <row r="21" spans="1:6" x14ac:dyDescent="0.35">
      <c r="A21" t="s">
        <v>6</v>
      </c>
      <c r="B21" t="s">
        <v>42</v>
      </c>
      <c r="C21" t="s">
        <v>43</v>
      </c>
      <c r="D21" t="s">
        <v>21</v>
      </c>
      <c r="E21">
        <v>21</v>
      </c>
      <c r="F21" t="s">
        <v>22</v>
      </c>
    </row>
    <row r="22" spans="1:6" x14ac:dyDescent="0.35">
      <c r="A22" t="s">
        <v>6</v>
      </c>
      <c r="B22" t="s">
        <v>44</v>
      </c>
      <c r="C22" t="s">
        <v>45</v>
      </c>
      <c r="D22" t="s">
        <v>21</v>
      </c>
      <c r="E22">
        <v>3.3</v>
      </c>
      <c r="F22" t="s">
        <v>22</v>
      </c>
    </row>
    <row r="23" spans="1:6" x14ac:dyDescent="0.35">
      <c r="A23" t="s">
        <v>6</v>
      </c>
      <c r="B23" t="s">
        <v>46</v>
      </c>
      <c r="C23" t="s">
        <v>47</v>
      </c>
      <c r="D23" t="s">
        <v>48</v>
      </c>
      <c r="E23">
        <v>1273.0999999999999</v>
      </c>
      <c r="F23" t="s">
        <v>49</v>
      </c>
    </row>
    <row r="24" spans="1:6" x14ac:dyDescent="0.35">
      <c r="A24" t="s">
        <v>6</v>
      </c>
      <c r="B24" t="s">
        <v>50</v>
      </c>
      <c r="C24" t="s">
        <v>51</v>
      </c>
      <c r="D24" t="s">
        <v>48</v>
      </c>
      <c r="E24">
        <v>14.4</v>
      </c>
      <c r="F24" t="s">
        <v>49</v>
      </c>
    </row>
    <row r="25" spans="1:6" x14ac:dyDescent="0.35">
      <c r="A25" t="s">
        <v>6</v>
      </c>
      <c r="B25" t="s">
        <v>52</v>
      </c>
      <c r="C25" t="s">
        <v>51</v>
      </c>
      <c r="D25" t="s">
        <v>48</v>
      </c>
      <c r="E25">
        <v>6.5</v>
      </c>
      <c r="F25" t="s">
        <v>49</v>
      </c>
    </row>
    <row r="26" spans="1:6" x14ac:dyDescent="0.35">
      <c r="A26" t="s">
        <v>6</v>
      </c>
      <c r="B26" t="s">
        <v>53</v>
      </c>
      <c r="C26" t="s">
        <v>54</v>
      </c>
      <c r="D26" t="s">
        <v>55</v>
      </c>
      <c r="E26">
        <v>7422.1</v>
      </c>
      <c r="F26" t="s">
        <v>56</v>
      </c>
    </row>
    <row r="27" spans="1:6" x14ac:dyDescent="0.35">
      <c r="A27" t="s">
        <v>6</v>
      </c>
      <c r="B27" t="s">
        <v>57</v>
      </c>
      <c r="C27" t="s">
        <v>58</v>
      </c>
      <c r="D27" t="s">
        <v>59</v>
      </c>
      <c r="E27">
        <v>503</v>
      </c>
      <c r="F27" t="s">
        <v>57</v>
      </c>
    </row>
    <row r="28" spans="1:6" x14ac:dyDescent="0.35">
      <c r="A28" t="s">
        <v>6</v>
      </c>
      <c r="B28" t="s">
        <v>60</v>
      </c>
      <c r="C28" t="s">
        <v>61</v>
      </c>
      <c r="D28" t="s">
        <v>62</v>
      </c>
      <c r="E28">
        <v>29</v>
      </c>
      <c r="F28" t="s">
        <v>63</v>
      </c>
    </row>
    <row r="29" spans="1:6" x14ac:dyDescent="0.35">
      <c r="A29" t="s">
        <v>6</v>
      </c>
      <c r="B29" t="s">
        <v>64</v>
      </c>
      <c r="C29" t="s">
        <v>65</v>
      </c>
      <c r="D29" t="s">
        <v>66</v>
      </c>
      <c r="E29">
        <v>72.099999999999994</v>
      </c>
      <c r="F29" t="s">
        <v>67</v>
      </c>
    </row>
    <row r="30" spans="1:6" x14ac:dyDescent="0.35">
      <c r="A30" t="s">
        <v>6</v>
      </c>
      <c r="B30" t="s">
        <v>68</v>
      </c>
      <c r="C30" t="s">
        <v>69</v>
      </c>
      <c r="D30" t="s">
        <v>70</v>
      </c>
      <c r="E30">
        <v>1</v>
      </c>
      <c r="F30" t="s">
        <v>67</v>
      </c>
    </row>
    <row r="31" spans="1:6" x14ac:dyDescent="0.35">
      <c r="A31" t="s">
        <v>6</v>
      </c>
      <c r="B31" t="s">
        <v>71</v>
      </c>
      <c r="C31" t="s">
        <v>71</v>
      </c>
      <c r="D31" t="s">
        <v>72</v>
      </c>
      <c r="E31">
        <v>184.6</v>
      </c>
      <c r="F31" t="s">
        <v>67</v>
      </c>
    </row>
    <row r="32" spans="1:6" x14ac:dyDescent="0.35">
      <c r="A32" t="s">
        <v>6</v>
      </c>
      <c r="B32" t="s">
        <v>73</v>
      </c>
      <c r="C32" t="s">
        <v>73</v>
      </c>
      <c r="D32" t="s">
        <v>74</v>
      </c>
      <c r="E32">
        <v>88.7</v>
      </c>
      <c r="F32" t="s">
        <v>67</v>
      </c>
    </row>
    <row r="33" spans="1:6" x14ac:dyDescent="0.35">
      <c r="A33" t="s">
        <v>6</v>
      </c>
      <c r="B33" t="s">
        <v>75</v>
      </c>
      <c r="C33" t="s">
        <v>76</v>
      </c>
      <c r="D33" t="s">
        <v>77</v>
      </c>
      <c r="E33">
        <v>0.3</v>
      </c>
      <c r="F33" t="s">
        <v>67</v>
      </c>
    </row>
    <row r="34" spans="1:6" x14ac:dyDescent="0.35">
      <c r="A34" t="s">
        <v>6</v>
      </c>
      <c r="B34" t="s">
        <v>78</v>
      </c>
      <c r="C34" t="s">
        <v>79</v>
      </c>
      <c r="D34" t="s">
        <v>80</v>
      </c>
      <c r="E34">
        <v>141.9</v>
      </c>
      <c r="F34" t="s">
        <v>81</v>
      </c>
    </row>
    <row r="35" spans="1:6" x14ac:dyDescent="0.35">
      <c r="A35" t="s">
        <v>6</v>
      </c>
      <c r="B35" t="s">
        <v>82</v>
      </c>
      <c r="C35" t="s">
        <v>82</v>
      </c>
      <c r="D35" t="s">
        <v>83</v>
      </c>
      <c r="E35">
        <v>39.1</v>
      </c>
      <c r="F35" t="s">
        <v>84</v>
      </c>
    </row>
    <row r="36" spans="1:6" x14ac:dyDescent="0.35">
      <c r="A36" t="s">
        <v>6</v>
      </c>
      <c r="B36" t="s">
        <v>85</v>
      </c>
      <c r="C36" t="s">
        <v>86</v>
      </c>
      <c r="D36" t="s">
        <v>87</v>
      </c>
      <c r="E36">
        <v>1221.5999999999999</v>
      </c>
      <c r="F36" t="s">
        <v>67</v>
      </c>
    </row>
    <row r="37" spans="1:6" x14ac:dyDescent="0.35">
      <c r="A37" t="s">
        <v>6</v>
      </c>
      <c r="B37" t="s">
        <v>88</v>
      </c>
      <c r="C37" t="s">
        <v>86</v>
      </c>
      <c r="D37" t="s">
        <v>87</v>
      </c>
      <c r="E37">
        <v>20.2</v>
      </c>
      <c r="F37" t="s">
        <v>63</v>
      </c>
    </row>
    <row r="38" spans="1:6" x14ac:dyDescent="0.35">
      <c r="A38" t="s">
        <v>6</v>
      </c>
      <c r="B38" t="s">
        <v>89</v>
      </c>
      <c r="C38" t="s">
        <v>8</v>
      </c>
      <c r="D38" t="s">
        <v>90</v>
      </c>
      <c r="E38">
        <v>19.3</v>
      </c>
      <c r="F38" t="s">
        <v>10</v>
      </c>
    </row>
    <row r="39" spans="1:6" x14ac:dyDescent="0.35">
      <c r="A39" t="s">
        <v>6</v>
      </c>
      <c r="B39" t="s">
        <v>91</v>
      </c>
      <c r="C39" t="s">
        <v>91</v>
      </c>
      <c r="D39" t="s">
        <v>91</v>
      </c>
      <c r="E39">
        <v>37.9</v>
      </c>
      <c r="F39" t="s">
        <v>84</v>
      </c>
    </row>
    <row r="40" spans="1:6" x14ac:dyDescent="0.35">
      <c r="A40" t="s">
        <v>6</v>
      </c>
      <c r="B40" t="s">
        <v>92</v>
      </c>
      <c r="C40" t="s">
        <v>8</v>
      </c>
      <c r="D40" t="s">
        <v>93</v>
      </c>
      <c r="E40">
        <v>7.5</v>
      </c>
      <c r="F40" t="s">
        <v>10</v>
      </c>
    </row>
    <row r="41" spans="1:6" x14ac:dyDescent="0.35">
      <c r="A41" t="s">
        <v>6</v>
      </c>
      <c r="B41" t="s">
        <v>94</v>
      </c>
      <c r="C41" t="s">
        <v>95</v>
      </c>
      <c r="D41" t="s">
        <v>96</v>
      </c>
      <c r="E41">
        <v>125.4</v>
      </c>
      <c r="F41" t="s">
        <v>67</v>
      </c>
    </row>
    <row r="42" spans="1:6" x14ac:dyDescent="0.35">
      <c r="A42" t="s">
        <v>6</v>
      </c>
      <c r="B42" t="s">
        <v>97</v>
      </c>
      <c r="C42" t="s">
        <v>98</v>
      </c>
      <c r="D42" t="s">
        <v>99</v>
      </c>
      <c r="E42">
        <v>89.8</v>
      </c>
      <c r="F42" t="s">
        <v>67</v>
      </c>
    </row>
    <row r="43" spans="1:6" x14ac:dyDescent="0.35">
      <c r="A43" t="s">
        <v>6</v>
      </c>
      <c r="B43" t="s">
        <v>100</v>
      </c>
      <c r="C43" t="s">
        <v>101</v>
      </c>
      <c r="D43" t="s">
        <v>102</v>
      </c>
      <c r="E43">
        <v>9.9</v>
      </c>
      <c r="F43" t="s">
        <v>67</v>
      </c>
    </row>
    <row r="44" spans="1:6" x14ac:dyDescent="0.35">
      <c r="A44" t="s">
        <v>6</v>
      </c>
      <c r="B44" t="s">
        <v>103</v>
      </c>
      <c r="C44" t="s">
        <v>103</v>
      </c>
      <c r="D44" t="s">
        <v>104</v>
      </c>
      <c r="E44">
        <v>12.3</v>
      </c>
      <c r="F44" t="s">
        <v>67</v>
      </c>
    </row>
    <row r="45" spans="1:6" x14ac:dyDescent="0.35">
      <c r="A45" t="s">
        <v>6</v>
      </c>
      <c r="B45" t="s">
        <v>105</v>
      </c>
      <c r="C45" t="s">
        <v>105</v>
      </c>
      <c r="D45" t="s">
        <v>106</v>
      </c>
      <c r="E45">
        <v>2.1</v>
      </c>
      <c r="F45" t="s">
        <v>67</v>
      </c>
    </row>
    <row r="46" spans="1:6" x14ac:dyDescent="0.35">
      <c r="A46" t="s">
        <v>6</v>
      </c>
      <c r="B46" t="s">
        <v>107</v>
      </c>
      <c r="C46" t="s">
        <v>107</v>
      </c>
      <c r="D46" t="s">
        <v>108</v>
      </c>
      <c r="E46">
        <v>13.2</v>
      </c>
      <c r="F46" t="s">
        <v>63</v>
      </c>
    </row>
    <row r="47" spans="1:6" x14ac:dyDescent="0.35">
      <c r="A47" t="s">
        <v>6</v>
      </c>
      <c r="B47" t="s">
        <v>109</v>
      </c>
      <c r="C47" t="s">
        <v>110</v>
      </c>
      <c r="D47" t="s">
        <v>111</v>
      </c>
      <c r="E47">
        <v>111.5</v>
      </c>
      <c r="F47" t="s">
        <v>63</v>
      </c>
    </row>
    <row r="48" spans="1:6" x14ac:dyDescent="0.35">
      <c r="A48" t="s">
        <v>6</v>
      </c>
      <c r="B48" t="s">
        <v>112</v>
      </c>
      <c r="C48" t="s">
        <v>8</v>
      </c>
      <c r="D48" t="s">
        <v>113</v>
      </c>
      <c r="E48">
        <v>18.600000000000001</v>
      </c>
      <c r="F48" t="s">
        <v>10</v>
      </c>
    </row>
    <row r="49" spans="1:6" x14ac:dyDescent="0.35">
      <c r="A49" t="s">
        <v>6</v>
      </c>
      <c r="B49" t="s">
        <v>114</v>
      </c>
      <c r="C49" t="s">
        <v>114</v>
      </c>
      <c r="D49" t="s">
        <v>115</v>
      </c>
      <c r="E49">
        <v>33.1</v>
      </c>
      <c r="F49" t="s">
        <v>84</v>
      </c>
    </row>
    <row r="50" spans="1:6" x14ac:dyDescent="0.35">
      <c r="A50" t="s">
        <v>6</v>
      </c>
      <c r="B50" t="s">
        <v>116</v>
      </c>
      <c r="C50" t="s">
        <v>117</v>
      </c>
      <c r="D50" t="s">
        <v>118</v>
      </c>
      <c r="E50">
        <v>106.6</v>
      </c>
      <c r="F50" t="s">
        <v>63</v>
      </c>
    </row>
    <row r="51" spans="1:6" x14ac:dyDescent="0.35">
      <c r="A51" t="s">
        <v>6</v>
      </c>
      <c r="B51" t="s">
        <v>119</v>
      </c>
      <c r="C51" t="s">
        <v>119</v>
      </c>
      <c r="D51" t="s">
        <v>120</v>
      </c>
      <c r="E51">
        <v>18</v>
      </c>
      <c r="F51" t="s">
        <v>84</v>
      </c>
    </row>
    <row r="52" spans="1:6" x14ac:dyDescent="0.35">
      <c r="A52" t="s">
        <v>6</v>
      </c>
      <c r="B52" t="s">
        <v>121</v>
      </c>
      <c r="C52" t="s">
        <v>8</v>
      </c>
      <c r="D52" t="s">
        <v>122</v>
      </c>
      <c r="E52">
        <v>0.7</v>
      </c>
      <c r="F52" t="s">
        <v>10</v>
      </c>
    </row>
    <row r="53" spans="1:6" x14ac:dyDescent="0.35">
      <c r="A53" t="s">
        <v>6</v>
      </c>
      <c r="B53" t="s">
        <v>123</v>
      </c>
      <c r="C53" t="s">
        <v>124</v>
      </c>
      <c r="D53" t="s">
        <v>125</v>
      </c>
      <c r="E53">
        <v>86.2</v>
      </c>
      <c r="F53" t="s">
        <v>126</v>
      </c>
    </row>
    <row r="54" spans="1:6" x14ac:dyDescent="0.35">
      <c r="A54" t="s">
        <v>6</v>
      </c>
      <c r="B54" t="s">
        <v>127</v>
      </c>
      <c r="C54" t="s">
        <v>128</v>
      </c>
      <c r="D54" t="s">
        <v>129</v>
      </c>
      <c r="E54">
        <v>16.2</v>
      </c>
      <c r="F54" t="s">
        <v>63</v>
      </c>
    </row>
    <row r="55" spans="1:6" x14ac:dyDescent="0.35">
      <c r="A55" t="s">
        <v>6</v>
      </c>
      <c r="B55" t="s">
        <v>130</v>
      </c>
      <c r="C55" t="s">
        <v>131</v>
      </c>
      <c r="D55" t="s">
        <v>132</v>
      </c>
      <c r="E55">
        <v>28.3</v>
      </c>
      <c r="F55" t="s">
        <v>63</v>
      </c>
    </row>
    <row r="56" spans="1:6" x14ac:dyDescent="0.35">
      <c r="A56" t="s">
        <v>133</v>
      </c>
      <c r="B56" t="s">
        <v>7</v>
      </c>
      <c r="C56" t="s">
        <v>8</v>
      </c>
      <c r="D56" t="s">
        <v>9</v>
      </c>
      <c r="E56">
        <v>6891.4</v>
      </c>
      <c r="F56" t="s">
        <v>10</v>
      </c>
    </row>
    <row r="57" spans="1:6" x14ac:dyDescent="0.35">
      <c r="A57" t="s">
        <v>133</v>
      </c>
      <c r="B57" t="s">
        <v>11</v>
      </c>
      <c r="C57" t="s">
        <v>12</v>
      </c>
      <c r="D57" t="s">
        <v>9</v>
      </c>
      <c r="E57">
        <v>15.6</v>
      </c>
      <c r="F57" t="s">
        <v>10</v>
      </c>
    </row>
    <row r="58" spans="1:6" x14ac:dyDescent="0.35">
      <c r="A58" t="s">
        <v>133</v>
      </c>
      <c r="B58" t="s">
        <v>13</v>
      </c>
      <c r="C58" t="s">
        <v>14</v>
      </c>
      <c r="D58" t="s">
        <v>9</v>
      </c>
      <c r="E58">
        <v>12.6</v>
      </c>
      <c r="F58" t="s">
        <v>10</v>
      </c>
    </row>
    <row r="59" spans="1:6" x14ac:dyDescent="0.35">
      <c r="A59" t="s">
        <v>133</v>
      </c>
      <c r="B59" t="s">
        <v>15</v>
      </c>
      <c r="C59" t="s">
        <v>15</v>
      </c>
      <c r="D59" t="s">
        <v>9</v>
      </c>
      <c r="E59">
        <v>45.7</v>
      </c>
      <c r="F59" t="s">
        <v>10</v>
      </c>
    </row>
    <row r="60" spans="1:6" x14ac:dyDescent="0.35">
      <c r="A60" t="s">
        <v>133</v>
      </c>
      <c r="B60" t="s">
        <v>16</v>
      </c>
      <c r="C60" t="s">
        <v>16</v>
      </c>
      <c r="D60" t="s">
        <v>9</v>
      </c>
      <c r="E60">
        <v>39.6</v>
      </c>
      <c r="F60" t="s">
        <v>10</v>
      </c>
    </row>
    <row r="61" spans="1:6" x14ac:dyDescent="0.35">
      <c r="A61" t="s">
        <v>133</v>
      </c>
      <c r="B61" t="s">
        <v>17</v>
      </c>
      <c r="C61" t="s">
        <v>17</v>
      </c>
      <c r="D61" t="s">
        <v>9</v>
      </c>
      <c r="E61">
        <v>67.8</v>
      </c>
      <c r="F61" t="s">
        <v>10</v>
      </c>
    </row>
    <row r="62" spans="1:6" x14ac:dyDescent="0.35">
      <c r="A62" t="s">
        <v>133</v>
      </c>
      <c r="B62" t="s">
        <v>18</v>
      </c>
      <c r="C62" t="s">
        <v>18</v>
      </c>
      <c r="D62" t="s">
        <v>9</v>
      </c>
      <c r="E62">
        <v>54.7</v>
      </c>
      <c r="F62" t="s">
        <v>10</v>
      </c>
    </row>
    <row r="63" spans="1:6" x14ac:dyDescent="0.35">
      <c r="A63" t="s">
        <v>133</v>
      </c>
      <c r="B63" t="s">
        <v>19</v>
      </c>
      <c r="C63" t="s">
        <v>20</v>
      </c>
      <c r="D63" t="s">
        <v>21</v>
      </c>
      <c r="E63">
        <v>196.5</v>
      </c>
      <c r="F63" t="s">
        <v>22</v>
      </c>
    </row>
    <row r="64" spans="1:6" x14ac:dyDescent="0.35">
      <c r="A64" t="s">
        <v>133</v>
      </c>
      <c r="B64" t="s">
        <v>23</v>
      </c>
      <c r="C64" t="s">
        <v>23</v>
      </c>
      <c r="D64" t="s">
        <v>21</v>
      </c>
      <c r="E64">
        <v>69.2</v>
      </c>
      <c r="F64" t="s">
        <v>22</v>
      </c>
    </row>
    <row r="65" spans="1:6" x14ac:dyDescent="0.35">
      <c r="A65" t="s">
        <v>133</v>
      </c>
      <c r="B65" t="s">
        <v>24</v>
      </c>
      <c r="C65" t="s">
        <v>24</v>
      </c>
      <c r="D65" t="s">
        <v>21</v>
      </c>
      <c r="E65">
        <v>8.6</v>
      </c>
      <c r="F65" t="s">
        <v>22</v>
      </c>
    </row>
    <row r="66" spans="1:6" x14ac:dyDescent="0.35">
      <c r="A66" t="s">
        <v>133</v>
      </c>
      <c r="B66" t="s">
        <v>25</v>
      </c>
      <c r="C66" t="s">
        <v>26</v>
      </c>
      <c r="D66" t="s">
        <v>21</v>
      </c>
      <c r="E66">
        <v>2964.9</v>
      </c>
      <c r="F66" t="s">
        <v>22</v>
      </c>
    </row>
    <row r="67" spans="1:6" x14ac:dyDescent="0.35">
      <c r="A67" t="s">
        <v>133</v>
      </c>
      <c r="B67" t="s">
        <v>27</v>
      </c>
      <c r="C67" t="s">
        <v>27</v>
      </c>
      <c r="D67" t="s">
        <v>134</v>
      </c>
      <c r="E67">
        <v>30.4</v>
      </c>
      <c r="F67" t="s">
        <v>126</v>
      </c>
    </row>
    <row r="68" spans="1:6" x14ac:dyDescent="0.35">
      <c r="A68" t="s">
        <v>133</v>
      </c>
      <c r="B68" t="s">
        <v>28</v>
      </c>
      <c r="C68" t="s">
        <v>29</v>
      </c>
      <c r="D68" t="s">
        <v>21</v>
      </c>
      <c r="E68">
        <v>155.1</v>
      </c>
      <c r="F68" t="s">
        <v>22</v>
      </c>
    </row>
    <row r="69" spans="1:6" x14ac:dyDescent="0.35">
      <c r="A69" t="s">
        <v>133</v>
      </c>
      <c r="B69" t="s">
        <v>30</v>
      </c>
      <c r="C69" t="s">
        <v>31</v>
      </c>
      <c r="D69" t="s">
        <v>135</v>
      </c>
      <c r="E69">
        <v>6.7</v>
      </c>
      <c r="F69" t="s">
        <v>63</v>
      </c>
    </row>
    <row r="70" spans="1:6" x14ac:dyDescent="0.35">
      <c r="A70" t="s">
        <v>133</v>
      </c>
      <c r="B70" t="s">
        <v>32</v>
      </c>
      <c r="C70" t="s">
        <v>33</v>
      </c>
      <c r="D70" t="s">
        <v>136</v>
      </c>
      <c r="E70">
        <v>40.799999999999997</v>
      </c>
      <c r="F70" t="s">
        <v>63</v>
      </c>
    </row>
    <row r="71" spans="1:6" x14ac:dyDescent="0.35">
      <c r="A71" t="s">
        <v>133</v>
      </c>
      <c r="B71" t="s">
        <v>34</v>
      </c>
      <c r="C71" t="s">
        <v>35</v>
      </c>
      <c r="D71" t="s">
        <v>137</v>
      </c>
      <c r="E71">
        <v>91.8</v>
      </c>
      <c r="F71" t="s">
        <v>63</v>
      </c>
    </row>
    <row r="72" spans="1:6" x14ac:dyDescent="0.35">
      <c r="A72" t="s">
        <v>133</v>
      </c>
      <c r="B72" t="s">
        <v>36</v>
      </c>
      <c r="C72" t="s">
        <v>37</v>
      </c>
      <c r="D72" t="s">
        <v>138</v>
      </c>
      <c r="E72">
        <v>1.8</v>
      </c>
      <c r="F72" t="s">
        <v>63</v>
      </c>
    </row>
    <row r="73" spans="1:6" x14ac:dyDescent="0.35">
      <c r="A73" t="s">
        <v>133</v>
      </c>
      <c r="B73" t="s">
        <v>38</v>
      </c>
      <c r="C73" t="s">
        <v>39</v>
      </c>
      <c r="D73" t="s">
        <v>39</v>
      </c>
      <c r="E73">
        <v>19.899999999999999</v>
      </c>
      <c r="F73" t="s">
        <v>126</v>
      </c>
    </row>
    <row r="74" spans="1:6" x14ac:dyDescent="0.35">
      <c r="A74" t="s">
        <v>133</v>
      </c>
      <c r="B74" t="s">
        <v>40</v>
      </c>
      <c r="C74" t="s">
        <v>41</v>
      </c>
      <c r="D74" t="s">
        <v>41</v>
      </c>
      <c r="E74">
        <v>6.3</v>
      </c>
      <c r="F74" t="s">
        <v>126</v>
      </c>
    </row>
    <row r="75" spans="1:6" x14ac:dyDescent="0.35">
      <c r="A75" t="s">
        <v>133</v>
      </c>
      <c r="B75" t="s">
        <v>42</v>
      </c>
      <c r="C75" t="s">
        <v>43</v>
      </c>
      <c r="D75" t="s">
        <v>139</v>
      </c>
      <c r="E75">
        <v>21</v>
      </c>
      <c r="F75" t="s">
        <v>126</v>
      </c>
    </row>
    <row r="76" spans="1:6" x14ac:dyDescent="0.35">
      <c r="A76" t="s">
        <v>133</v>
      </c>
      <c r="B76" t="s">
        <v>44</v>
      </c>
      <c r="C76" t="s">
        <v>45</v>
      </c>
      <c r="D76" t="s">
        <v>140</v>
      </c>
      <c r="E76">
        <v>3.3</v>
      </c>
      <c r="F76" t="s">
        <v>63</v>
      </c>
    </row>
    <row r="77" spans="1:6" x14ac:dyDescent="0.35">
      <c r="A77" t="s">
        <v>133</v>
      </c>
      <c r="B77" t="s">
        <v>46</v>
      </c>
      <c r="C77" t="s">
        <v>47</v>
      </c>
      <c r="D77" t="s">
        <v>48</v>
      </c>
      <c r="E77">
        <v>1273.0999999999999</v>
      </c>
      <c r="F77" t="s">
        <v>49</v>
      </c>
    </row>
    <row r="78" spans="1:6" x14ac:dyDescent="0.35">
      <c r="A78" t="s">
        <v>133</v>
      </c>
      <c r="B78" t="s">
        <v>50</v>
      </c>
      <c r="C78" t="s">
        <v>51</v>
      </c>
      <c r="D78" t="s">
        <v>48</v>
      </c>
      <c r="E78">
        <v>14.4</v>
      </c>
      <c r="F78" t="s">
        <v>49</v>
      </c>
    </row>
    <row r="79" spans="1:6" x14ac:dyDescent="0.35">
      <c r="A79" t="s">
        <v>133</v>
      </c>
      <c r="B79" t="s">
        <v>52</v>
      </c>
      <c r="C79" t="s">
        <v>51</v>
      </c>
      <c r="D79" t="s">
        <v>48</v>
      </c>
      <c r="E79">
        <v>6.5</v>
      </c>
      <c r="F79" t="s">
        <v>49</v>
      </c>
    </row>
    <row r="80" spans="1:6" x14ac:dyDescent="0.35">
      <c r="A80" t="s">
        <v>133</v>
      </c>
      <c r="B80" t="s">
        <v>53</v>
      </c>
      <c r="C80" t="s">
        <v>54</v>
      </c>
      <c r="D80" t="s">
        <v>55</v>
      </c>
      <c r="E80">
        <v>7422.1</v>
      </c>
      <c r="F80" t="s">
        <v>56</v>
      </c>
    </row>
    <row r="81" spans="1:6" x14ac:dyDescent="0.35">
      <c r="A81" t="s">
        <v>133</v>
      </c>
      <c r="B81" t="s">
        <v>57</v>
      </c>
      <c r="C81" t="s">
        <v>58</v>
      </c>
      <c r="D81" t="s">
        <v>59</v>
      </c>
      <c r="E81">
        <v>503</v>
      </c>
      <c r="F81" t="s">
        <v>57</v>
      </c>
    </row>
    <row r="82" spans="1:6" x14ac:dyDescent="0.35">
      <c r="A82" t="s">
        <v>133</v>
      </c>
      <c r="B82" t="s">
        <v>60</v>
      </c>
      <c r="C82" t="s">
        <v>61</v>
      </c>
      <c r="D82" t="s">
        <v>62</v>
      </c>
      <c r="E82">
        <v>29</v>
      </c>
      <c r="F82" t="s">
        <v>63</v>
      </c>
    </row>
    <row r="83" spans="1:6" x14ac:dyDescent="0.35">
      <c r="A83" t="s">
        <v>133</v>
      </c>
      <c r="B83" t="s">
        <v>64</v>
      </c>
      <c r="C83" t="s">
        <v>65</v>
      </c>
      <c r="D83" t="s">
        <v>66</v>
      </c>
      <c r="E83">
        <v>72.099999999999994</v>
      </c>
      <c r="F83" t="s">
        <v>67</v>
      </c>
    </row>
    <row r="84" spans="1:6" x14ac:dyDescent="0.35">
      <c r="A84" t="s">
        <v>133</v>
      </c>
      <c r="B84" t="s">
        <v>68</v>
      </c>
      <c r="C84" t="s">
        <v>69</v>
      </c>
      <c r="D84" t="s">
        <v>70</v>
      </c>
      <c r="E84">
        <v>1</v>
      </c>
      <c r="F84" t="s">
        <v>67</v>
      </c>
    </row>
    <row r="85" spans="1:6" x14ac:dyDescent="0.35">
      <c r="A85" t="s">
        <v>133</v>
      </c>
      <c r="B85" t="s">
        <v>71</v>
      </c>
      <c r="C85" t="s">
        <v>71</v>
      </c>
      <c r="D85" t="s">
        <v>72</v>
      </c>
      <c r="E85">
        <v>184.6</v>
      </c>
      <c r="F85" t="s">
        <v>67</v>
      </c>
    </row>
    <row r="86" spans="1:6" x14ac:dyDescent="0.35">
      <c r="A86" t="s">
        <v>133</v>
      </c>
      <c r="B86" t="s">
        <v>73</v>
      </c>
      <c r="C86" t="s">
        <v>73</v>
      </c>
      <c r="D86" t="s">
        <v>74</v>
      </c>
      <c r="E86">
        <v>88.7</v>
      </c>
      <c r="F86" t="s">
        <v>67</v>
      </c>
    </row>
    <row r="87" spans="1:6" x14ac:dyDescent="0.35">
      <c r="A87" t="s">
        <v>133</v>
      </c>
      <c r="B87" t="s">
        <v>75</v>
      </c>
      <c r="C87" t="s">
        <v>76</v>
      </c>
      <c r="D87" t="s">
        <v>77</v>
      </c>
      <c r="E87">
        <v>0.3</v>
      </c>
      <c r="F87" t="s">
        <v>67</v>
      </c>
    </row>
    <row r="88" spans="1:6" x14ac:dyDescent="0.35">
      <c r="A88" t="s">
        <v>133</v>
      </c>
      <c r="B88" t="s">
        <v>78</v>
      </c>
      <c r="C88" t="s">
        <v>79</v>
      </c>
      <c r="D88" t="s">
        <v>80</v>
      </c>
      <c r="E88">
        <v>141.9</v>
      </c>
      <c r="F88" t="s">
        <v>81</v>
      </c>
    </row>
    <row r="89" spans="1:6" x14ac:dyDescent="0.35">
      <c r="A89" t="s">
        <v>133</v>
      </c>
      <c r="B89" t="s">
        <v>82</v>
      </c>
      <c r="C89" t="s">
        <v>82</v>
      </c>
      <c r="D89" t="s">
        <v>83</v>
      </c>
      <c r="E89">
        <v>39.1</v>
      </c>
      <c r="F89" t="s">
        <v>84</v>
      </c>
    </row>
    <row r="90" spans="1:6" x14ac:dyDescent="0.35">
      <c r="A90" t="s">
        <v>133</v>
      </c>
      <c r="B90" t="s">
        <v>85</v>
      </c>
      <c r="C90" t="s">
        <v>86</v>
      </c>
      <c r="D90" t="s">
        <v>87</v>
      </c>
      <c r="E90">
        <v>1221.5999999999999</v>
      </c>
      <c r="F90" t="s">
        <v>67</v>
      </c>
    </row>
    <row r="91" spans="1:6" x14ac:dyDescent="0.35">
      <c r="A91" t="s">
        <v>133</v>
      </c>
      <c r="B91" t="s">
        <v>88</v>
      </c>
      <c r="C91" t="s">
        <v>86</v>
      </c>
      <c r="D91" t="s">
        <v>87</v>
      </c>
      <c r="E91">
        <v>20.2</v>
      </c>
      <c r="F91" t="s">
        <v>63</v>
      </c>
    </row>
    <row r="92" spans="1:6" x14ac:dyDescent="0.35">
      <c r="A92" t="s">
        <v>133</v>
      </c>
      <c r="B92" t="s">
        <v>89</v>
      </c>
      <c r="C92" t="s">
        <v>8</v>
      </c>
      <c r="D92" t="s">
        <v>90</v>
      </c>
      <c r="E92">
        <v>19.3</v>
      </c>
      <c r="F92" t="s">
        <v>10</v>
      </c>
    </row>
    <row r="93" spans="1:6" x14ac:dyDescent="0.35">
      <c r="A93" t="s">
        <v>133</v>
      </c>
      <c r="B93" t="s">
        <v>91</v>
      </c>
      <c r="C93" t="s">
        <v>91</v>
      </c>
      <c r="D93" t="s">
        <v>91</v>
      </c>
      <c r="E93">
        <v>37.9</v>
      </c>
      <c r="F93" t="s">
        <v>84</v>
      </c>
    </row>
    <row r="94" spans="1:6" x14ac:dyDescent="0.35">
      <c r="A94" t="s">
        <v>133</v>
      </c>
      <c r="B94" t="s">
        <v>92</v>
      </c>
      <c r="C94" t="s">
        <v>8</v>
      </c>
      <c r="D94" t="s">
        <v>93</v>
      </c>
      <c r="E94">
        <v>7.5</v>
      </c>
      <c r="F94" t="s">
        <v>10</v>
      </c>
    </row>
    <row r="95" spans="1:6" x14ac:dyDescent="0.35">
      <c r="A95" t="s">
        <v>133</v>
      </c>
      <c r="B95" t="s">
        <v>94</v>
      </c>
      <c r="C95" t="s">
        <v>95</v>
      </c>
      <c r="D95" t="s">
        <v>96</v>
      </c>
      <c r="E95">
        <v>125.4</v>
      </c>
      <c r="F95" t="s">
        <v>67</v>
      </c>
    </row>
    <row r="96" spans="1:6" x14ac:dyDescent="0.35">
      <c r="A96" t="s">
        <v>133</v>
      </c>
      <c r="B96" t="s">
        <v>97</v>
      </c>
      <c r="C96" t="s">
        <v>98</v>
      </c>
      <c r="D96" t="s">
        <v>99</v>
      </c>
      <c r="E96">
        <v>89.8</v>
      </c>
      <c r="F96" t="s">
        <v>67</v>
      </c>
    </row>
    <row r="97" spans="1:6" x14ac:dyDescent="0.35">
      <c r="A97" t="s">
        <v>133</v>
      </c>
      <c r="B97" t="s">
        <v>100</v>
      </c>
      <c r="C97" t="s">
        <v>101</v>
      </c>
      <c r="D97" t="s">
        <v>102</v>
      </c>
      <c r="E97">
        <v>9.9</v>
      </c>
      <c r="F97" t="s">
        <v>67</v>
      </c>
    </row>
    <row r="98" spans="1:6" x14ac:dyDescent="0.35">
      <c r="A98" t="s">
        <v>133</v>
      </c>
      <c r="B98" t="s">
        <v>103</v>
      </c>
      <c r="C98" t="s">
        <v>103</v>
      </c>
      <c r="D98" t="s">
        <v>104</v>
      </c>
      <c r="E98">
        <v>12.3</v>
      </c>
      <c r="F98" t="s">
        <v>67</v>
      </c>
    </row>
    <row r="99" spans="1:6" x14ac:dyDescent="0.35">
      <c r="A99" t="s">
        <v>133</v>
      </c>
      <c r="B99" t="s">
        <v>105</v>
      </c>
      <c r="C99" t="s">
        <v>105</v>
      </c>
      <c r="D99" t="s">
        <v>106</v>
      </c>
      <c r="E99">
        <v>2.1</v>
      </c>
      <c r="F99" t="s">
        <v>67</v>
      </c>
    </row>
    <row r="100" spans="1:6" x14ac:dyDescent="0.35">
      <c r="A100" t="s">
        <v>133</v>
      </c>
      <c r="B100" t="s">
        <v>107</v>
      </c>
      <c r="C100" t="s">
        <v>107</v>
      </c>
      <c r="D100" t="s">
        <v>108</v>
      </c>
      <c r="E100">
        <v>13.2</v>
      </c>
      <c r="F100" t="s">
        <v>63</v>
      </c>
    </row>
    <row r="101" spans="1:6" x14ac:dyDescent="0.35">
      <c r="A101" t="s">
        <v>133</v>
      </c>
      <c r="B101" t="s">
        <v>109</v>
      </c>
      <c r="C101" t="s">
        <v>110</v>
      </c>
      <c r="D101" t="s">
        <v>111</v>
      </c>
      <c r="E101">
        <v>111.5</v>
      </c>
      <c r="F101" t="s">
        <v>63</v>
      </c>
    </row>
    <row r="102" spans="1:6" x14ac:dyDescent="0.35">
      <c r="A102" t="s">
        <v>133</v>
      </c>
      <c r="B102" t="s">
        <v>112</v>
      </c>
      <c r="C102" t="s">
        <v>8</v>
      </c>
      <c r="D102" t="s">
        <v>113</v>
      </c>
      <c r="E102">
        <v>18.600000000000001</v>
      </c>
      <c r="F102" t="s">
        <v>10</v>
      </c>
    </row>
    <row r="103" spans="1:6" x14ac:dyDescent="0.35">
      <c r="A103" t="s">
        <v>133</v>
      </c>
      <c r="B103" t="s">
        <v>114</v>
      </c>
      <c r="C103" t="s">
        <v>114</v>
      </c>
      <c r="D103" t="s">
        <v>115</v>
      </c>
      <c r="E103">
        <v>33.1</v>
      </c>
      <c r="F103" t="s">
        <v>84</v>
      </c>
    </row>
    <row r="104" spans="1:6" x14ac:dyDescent="0.35">
      <c r="A104" t="s">
        <v>133</v>
      </c>
      <c r="B104" t="s">
        <v>116</v>
      </c>
      <c r="C104" t="s">
        <v>117</v>
      </c>
      <c r="D104" t="s">
        <v>118</v>
      </c>
      <c r="E104">
        <v>106.6</v>
      </c>
      <c r="F104" t="s">
        <v>63</v>
      </c>
    </row>
    <row r="105" spans="1:6" x14ac:dyDescent="0.35">
      <c r="A105" t="s">
        <v>133</v>
      </c>
      <c r="B105" t="s">
        <v>119</v>
      </c>
      <c r="C105" t="s">
        <v>119</v>
      </c>
      <c r="D105" t="s">
        <v>120</v>
      </c>
      <c r="E105">
        <v>18</v>
      </c>
      <c r="F105" t="s">
        <v>84</v>
      </c>
    </row>
    <row r="106" spans="1:6" x14ac:dyDescent="0.35">
      <c r="A106" t="s">
        <v>133</v>
      </c>
      <c r="B106" t="s">
        <v>121</v>
      </c>
      <c r="C106" t="s">
        <v>8</v>
      </c>
      <c r="D106" t="s">
        <v>122</v>
      </c>
      <c r="E106">
        <v>0.7</v>
      </c>
      <c r="F106" t="s">
        <v>10</v>
      </c>
    </row>
    <row r="107" spans="1:6" x14ac:dyDescent="0.35">
      <c r="A107" t="s">
        <v>133</v>
      </c>
      <c r="B107" t="s">
        <v>123</v>
      </c>
      <c r="C107" t="s">
        <v>124</v>
      </c>
      <c r="D107" t="s">
        <v>125</v>
      </c>
      <c r="E107">
        <v>86.2</v>
      </c>
      <c r="F107" t="s">
        <v>126</v>
      </c>
    </row>
    <row r="108" spans="1:6" x14ac:dyDescent="0.35">
      <c r="A108" t="s">
        <v>133</v>
      </c>
      <c r="B108" t="s">
        <v>127</v>
      </c>
      <c r="C108" t="s">
        <v>128</v>
      </c>
      <c r="D108" t="s">
        <v>129</v>
      </c>
      <c r="E108">
        <v>16.2</v>
      </c>
      <c r="F108" t="s">
        <v>63</v>
      </c>
    </row>
    <row r="109" spans="1:6" x14ac:dyDescent="0.35">
      <c r="A109" t="s">
        <v>133</v>
      </c>
      <c r="B109" t="s">
        <v>130</v>
      </c>
      <c r="C109" t="s">
        <v>131</v>
      </c>
      <c r="D109" t="s">
        <v>132</v>
      </c>
      <c r="E109">
        <v>28.3</v>
      </c>
      <c r="F109" t="s">
        <v>63</v>
      </c>
    </row>
    <row r="110" spans="1:6" x14ac:dyDescent="0.35">
      <c r="A110">
        <v>2021</v>
      </c>
      <c r="B110" t="s">
        <v>7</v>
      </c>
      <c r="C110" t="s">
        <v>8</v>
      </c>
      <c r="D110" t="s">
        <v>9</v>
      </c>
      <c r="E110">
        <v>4936.2</v>
      </c>
      <c r="F110" t="s">
        <v>10</v>
      </c>
    </row>
    <row r="111" spans="1:6" x14ac:dyDescent="0.35">
      <c r="A111">
        <v>2021</v>
      </c>
      <c r="B111" t="s">
        <v>11</v>
      </c>
      <c r="C111" t="s">
        <v>12</v>
      </c>
      <c r="D111" t="s">
        <v>9</v>
      </c>
      <c r="E111">
        <v>9.8000000000000007</v>
      </c>
      <c r="F111" t="s">
        <v>10</v>
      </c>
    </row>
    <row r="112" spans="1:6" x14ac:dyDescent="0.35">
      <c r="A112">
        <v>2021</v>
      </c>
      <c r="B112" t="s">
        <v>13</v>
      </c>
      <c r="C112" t="s">
        <v>14</v>
      </c>
      <c r="D112" t="s">
        <v>9</v>
      </c>
      <c r="E112">
        <v>10.5</v>
      </c>
      <c r="F112" t="s">
        <v>10</v>
      </c>
    </row>
    <row r="113" spans="1:6" x14ac:dyDescent="0.35">
      <c r="A113">
        <v>2021</v>
      </c>
      <c r="B113" t="s">
        <v>15</v>
      </c>
      <c r="C113" t="s">
        <v>15</v>
      </c>
      <c r="D113" t="s">
        <v>9</v>
      </c>
      <c r="E113">
        <v>30.3</v>
      </c>
      <c r="F113" t="s">
        <v>10</v>
      </c>
    </row>
    <row r="114" spans="1:6" x14ac:dyDescent="0.35">
      <c r="A114">
        <v>2021</v>
      </c>
      <c r="B114" t="s">
        <v>16</v>
      </c>
      <c r="C114" t="s">
        <v>16</v>
      </c>
      <c r="D114" t="s">
        <v>9</v>
      </c>
      <c r="E114">
        <v>30</v>
      </c>
      <c r="F114" t="s">
        <v>10</v>
      </c>
    </row>
    <row r="115" spans="1:6" x14ac:dyDescent="0.35">
      <c r="A115">
        <v>2021</v>
      </c>
      <c r="B115" t="s">
        <v>17</v>
      </c>
      <c r="C115" t="s">
        <v>17</v>
      </c>
      <c r="D115" t="s">
        <v>9</v>
      </c>
      <c r="E115">
        <v>72.8</v>
      </c>
      <c r="F115" t="s">
        <v>10</v>
      </c>
    </row>
    <row r="116" spans="1:6" x14ac:dyDescent="0.35">
      <c r="A116">
        <v>2021</v>
      </c>
      <c r="B116" t="s">
        <v>18</v>
      </c>
      <c r="C116" t="s">
        <v>18</v>
      </c>
      <c r="D116" t="s">
        <v>9</v>
      </c>
      <c r="E116">
        <v>48.8</v>
      </c>
      <c r="F116" t="s">
        <v>10</v>
      </c>
    </row>
    <row r="117" spans="1:6" x14ac:dyDescent="0.35">
      <c r="A117">
        <v>2021</v>
      </c>
      <c r="B117" t="s">
        <v>19</v>
      </c>
      <c r="C117" t="s">
        <v>20</v>
      </c>
      <c r="D117" t="s">
        <v>21</v>
      </c>
      <c r="E117">
        <v>196.5</v>
      </c>
      <c r="F117" t="s">
        <v>22</v>
      </c>
    </row>
    <row r="118" spans="1:6" x14ac:dyDescent="0.35">
      <c r="A118">
        <v>2021</v>
      </c>
      <c r="B118" t="s">
        <v>23</v>
      </c>
      <c r="C118" t="s">
        <v>23</v>
      </c>
      <c r="D118" t="s">
        <v>21</v>
      </c>
      <c r="E118">
        <v>68.3</v>
      </c>
      <c r="F118" t="s">
        <v>22</v>
      </c>
    </row>
    <row r="119" spans="1:6" x14ac:dyDescent="0.35">
      <c r="A119">
        <v>2021</v>
      </c>
      <c r="B119" t="s">
        <v>24</v>
      </c>
      <c r="C119" t="s">
        <v>24</v>
      </c>
      <c r="D119" t="s">
        <v>21</v>
      </c>
      <c r="E119">
        <v>11.6</v>
      </c>
      <c r="F119" t="s">
        <v>22</v>
      </c>
    </row>
    <row r="120" spans="1:6" x14ac:dyDescent="0.35">
      <c r="A120">
        <v>2021</v>
      </c>
      <c r="B120" t="s">
        <v>25</v>
      </c>
      <c r="C120" t="s">
        <v>26</v>
      </c>
      <c r="D120" t="s">
        <v>21</v>
      </c>
      <c r="E120">
        <v>3406.1</v>
      </c>
      <c r="F120" t="s">
        <v>22</v>
      </c>
    </row>
    <row r="121" spans="1:6" x14ac:dyDescent="0.35">
      <c r="A121">
        <v>2021</v>
      </c>
      <c r="B121" t="s">
        <v>27</v>
      </c>
      <c r="C121" t="s">
        <v>27</v>
      </c>
      <c r="D121" t="s">
        <v>134</v>
      </c>
      <c r="E121">
        <v>39</v>
      </c>
      <c r="F121" t="s">
        <v>126</v>
      </c>
    </row>
    <row r="122" spans="1:6" x14ac:dyDescent="0.35">
      <c r="A122">
        <v>2021</v>
      </c>
      <c r="B122" t="s">
        <v>28</v>
      </c>
      <c r="C122" t="s">
        <v>29</v>
      </c>
      <c r="D122" t="s">
        <v>21</v>
      </c>
      <c r="E122">
        <v>144.9</v>
      </c>
      <c r="F122" t="s">
        <v>22</v>
      </c>
    </row>
    <row r="123" spans="1:6" x14ac:dyDescent="0.35">
      <c r="A123">
        <v>2021</v>
      </c>
      <c r="B123" t="s">
        <v>30</v>
      </c>
      <c r="C123" t="s">
        <v>31</v>
      </c>
      <c r="D123" t="s">
        <v>135</v>
      </c>
      <c r="E123">
        <v>6.8</v>
      </c>
      <c r="F123" t="s">
        <v>63</v>
      </c>
    </row>
    <row r="124" spans="1:6" x14ac:dyDescent="0.35">
      <c r="A124">
        <v>2021</v>
      </c>
      <c r="B124" t="s">
        <v>32</v>
      </c>
      <c r="C124" t="s">
        <v>33</v>
      </c>
      <c r="D124" t="s">
        <v>136</v>
      </c>
      <c r="E124">
        <v>41.1</v>
      </c>
      <c r="F124" t="s">
        <v>63</v>
      </c>
    </row>
    <row r="125" spans="1:6" x14ac:dyDescent="0.35">
      <c r="A125">
        <v>2021</v>
      </c>
      <c r="B125" t="s">
        <v>34</v>
      </c>
      <c r="C125" t="s">
        <v>35</v>
      </c>
      <c r="D125" t="s">
        <v>137</v>
      </c>
      <c r="E125">
        <v>134.19999999999999</v>
      </c>
      <c r="F125" t="s">
        <v>63</v>
      </c>
    </row>
    <row r="126" spans="1:6" x14ac:dyDescent="0.35">
      <c r="A126">
        <v>2021</v>
      </c>
      <c r="B126" t="s">
        <v>36</v>
      </c>
      <c r="C126" t="s">
        <v>37</v>
      </c>
      <c r="D126" t="s">
        <v>138</v>
      </c>
      <c r="E126">
        <v>3.4</v>
      </c>
      <c r="F126" t="s">
        <v>63</v>
      </c>
    </row>
    <row r="127" spans="1:6" x14ac:dyDescent="0.35">
      <c r="A127">
        <v>2021</v>
      </c>
      <c r="B127" t="s">
        <v>38</v>
      </c>
      <c r="C127" t="s">
        <v>39</v>
      </c>
      <c r="D127" t="s">
        <v>39</v>
      </c>
      <c r="E127">
        <v>28.3</v>
      </c>
      <c r="F127" t="s">
        <v>126</v>
      </c>
    </row>
    <row r="128" spans="1:6" x14ac:dyDescent="0.35">
      <c r="A128">
        <v>2021</v>
      </c>
      <c r="B128" t="s">
        <v>40</v>
      </c>
      <c r="C128" t="s">
        <v>41</v>
      </c>
      <c r="D128" t="s">
        <v>41</v>
      </c>
      <c r="E128">
        <v>10.3</v>
      </c>
      <c r="F128" t="s">
        <v>126</v>
      </c>
    </row>
    <row r="129" spans="1:6" x14ac:dyDescent="0.35">
      <c r="A129">
        <v>2021</v>
      </c>
      <c r="B129" t="s">
        <v>42</v>
      </c>
      <c r="C129" t="s">
        <v>43</v>
      </c>
      <c r="D129" t="s">
        <v>139</v>
      </c>
      <c r="E129">
        <v>33.200000000000003</v>
      </c>
      <c r="F129" t="s">
        <v>126</v>
      </c>
    </row>
    <row r="130" spans="1:6" x14ac:dyDescent="0.35">
      <c r="A130">
        <v>2021</v>
      </c>
      <c r="B130" t="s">
        <v>44</v>
      </c>
      <c r="C130" t="s">
        <v>45</v>
      </c>
      <c r="D130" t="s">
        <v>140</v>
      </c>
      <c r="E130">
        <v>4</v>
      </c>
      <c r="F130" t="s">
        <v>63</v>
      </c>
    </row>
    <row r="131" spans="1:6" x14ac:dyDescent="0.35">
      <c r="A131">
        <v>2021</v>
      </c>
      <c r="B131" t="s">
        <v>46</v>
      </c>
      <c r="C131" t="s">
        <v>47</v>
      </c>
      <c r="D131" t="s">
        <v>48</v>
      </c>
      <c r="E131">
        <v>909.6</v>
      </c>
      <c r="F131" t="s">
        <v>49</v>
      </c>
    </row>
    <row r="132" spans="1:6" x14ac:dyDescent="0.35">
      <c r="A132">
        <v>2021</v>
      </c>
      <c r="B132" t="s">
        <v>50</v>
      </c>
      <c r="C132" t="s">
        <v>51</v>
      </c>
      <c r="D132" t="s">
        <v>48</v>
      </c>
      <c r="E132">
        <v>11</v>
      </c>
      <c r="F132" t="s">
        <v>49</v>
      </c>
    </row>
    <row r="133" spans="1:6" x14ac:dyDescent="0.35">
      <c r="A133">
        <v>2021</v>
      </c>
      <c r="B133" t="s">
        <v>52</v>
      </c>
      <c r="C133" t="s">
        <v>51</v>
      </c>
      <c r="D133" t="s">
        <v>48</v>
      </c>
      <c r="E133">
        <v>4.8</v>
      </c>
      <c r="F133" t="s">
        <v>49</v>
      </c>
    </row>
    <row r="134" spans="1:6" x14ac:dyDescent="0.35">
      <c r="A134">
        <v>2021</v>
      </c>
      <c r="B134" t="s">
        <v>53</v>
      </c>
      <c r="C134" t="s">
        <v>54</v>
      </c>
      <c r="D134" t="s">
        <v>55</v>
      </c>
      <c r="E134">
        <v>8431</v>
      </c>
      <c r="F134" t="s">
        <v>56</v>
      </c>
    </row>
    <row r="135" spans="1:6" x14ac:dyDescent="0.35">
      <c r="A135">
        <v>2021</v>
      </c>
      <c r="B135" t="s">
        <v>57</v>
      </c>
      <c r="C135" t="s">
        <v>58</v>
      </c>
      <c r="D135" t="s">
        <v>59</v>
      </c>
      <c r="E135">
        <v>563.70000000000005</v>
      </c>
      <c r="F135" t="s">
        <v>57</v>
      </c>
    </row>
    <row r="136" spans="1:6" x14ac:dyDescent="0.35">
      <c r="A136">
        <v>2021</v>
      </c>
      <c r="B136" t="s">
        <v>60</v>
      </c>
      <c r="C136" t="s">
        <v>61</v>
      </c>
      <c r="D136" t="s">
        <v>62</v>
      </c>
      <c r="E136">
        <v>26.9</v>
      </c>
      <c r="F136" t="s">
        <v>63</v>
      </c>
    </row>
    <row r="137" spans="1:6" x14ac:dyDescent="0.35">
      <c r="A137">
        <v>2021</v>
      </c>
      <c r="B137" t="s">
        <v>64</v>
      </c>
      <c r="C137" t="s">
        <v>65</v>
      </c>
      <c r="D137" t="s">
        <v>66</v>
      </c>
      <c r="E137">
        <v>63</v>
      </c>
      <c r="F137" t="s">
        <v>67</v>
      </c>
    </row>
    <row r="138" spans="1:6" x14ac:dyDescent="0.35">
      <c r="A138">
        <v>2021</v>
      </c>
      <c r="B138" t="s">
        <v>71</v>
      </c>
      <c r="C138" t="s">
        <v>71</v>
      </c>
      <c r="D138" t="s">
        <v>72</v>
      </c>
      <c r="E138">
        <v>143.4</v>
      </c>
      <c r="F138" t="s">
        <v>67</v>
      </c>
    </row>
    <row r="139" spans="1:6" x14ac:dyDescent="0.35">
      <c r="A139">
        <v>2021</v>
      </c>
      <c r="B139" t="s">
        <v>73</v>
      </c>
      <c r="C139" t="s">
        <v>73</v>
      </c>
      <c r="D139" t="s">
        <v>74</v>
      </c>
      <c r="E139">
        <v>91.4</v>
      </c>
      <c r="F139" t="s">
        <v>67</v>
      </c>
    </row>
    <row r="140" spans="1:6" x14ac:dyDescent="0.35">
      <c r="A140">
        <v>2021</v>
      </c>
      <c r="B140" t="s">
        <v>75</v>
      </c>
      <c r="C140" t="s">
        <v>76</v>
      </c>
      <c r="D140" t="s">
        <v>77</v>
      </c>
      <c r="E140">
        <v>0.4</v>
      </c>
      <c r="F140" t="s">
        <v>67</v>
      </c>
    </row>
    <row r="141" spans="1:6" x14ac:dyDescent="0.35">
      <c r="A141">
        <v>2021</v>
      </c>
      <c r="B141" t="s">
        <v>141</v>
      </c>
      <c r="C141" t="s">
        <v>143</v>
      </c>
      <c r="D141" t="s">
        <v>145</v>
      </c>
      <c r="E141">
        <v>19.5</v>
      </c>
      <c r="F141" t="s">
        <v>67</v>
      </c>
    </row>
    <row r="142" spans="1:6" x14ac:dyDescent="0.35">
      <c r="A142">
        <v>2021</v>
      </c>
      <c r="B142" t="s">
        <v>142</v>
      </c>
      <c r="C142" t="s">
        <v>144</v>
      </c>
      <c r="D142" t="s">
        <v>146</v>
      </c>
      <c r="F142" t="s">
        <v>67</v>
      </c>
    </row>
    <row r="143" spans="1:6" x14ac:dyDescent="0.35">
      <c r="A143">
        <v>2021</v>
      </c>
      <c r="B143" t="s">
        <v>78</v>
      </c>
      <c r="C143" t="s">
        <v>79</v>
      </c>
      <c r="D143" t="s">
        <v>80</v>
      </c>
      <c r="E143">
        <v>88.5</v>
      </c>
      <c r="F143" t="s">
        <v>81</v>
      </c>
    </row>
    <row r="144" spans="1:6" x14ac:dyDescent="0.35">
      <c r="A144">
        <v>2021</v>
      </c>
      <c r="B144" t="s">
        <v>82</v>
      </c>
      <c r="C144" t="s">
        <v>82</v>
      </c>
      <c r="D144" t="s">
        <v>83</v>
      </c>
      <c r="E144">
        <v>20.9</v>
      </c>
      <c r="F144" t="s">
        <v>84</v>
      </c>
    </row>
    <row r="145" spans="1:6" x14ac:dyDescent="0.35">
      <c r="A145">
        <v>2021</v>
      </c>
      <c r="B145" t="s">
        <v>85</v>
      </c>
      <c r="C145" t="s">
        <v>86</v>
      </c>
      <c r="D145" t="s">
        <v>87</v>
      </c>
      <c r="E145">
        <v>1174.5</v>
      </c>
      <c r="F145" t="s">
        <v>67</v>
      </c>
    </row>
    <row r="146" spans="1:6" x14ac:dyDescent="0.35">
      <c r="A146">
        <v>2021</v>
      </c>
      <c r="B146" t="s">
        <v>88</v>
      </c>
      <c r="C146" t="s">
        <v>86</v>
      </c>
      <c r="D146" t="s">
        <v>87</v>
      </c>
      <c r="E146">
        <v>23.1</v>
      </c>
      <c r="F146" t="s">
        <v>63</v>
      </c>
    </row>
    <row r="147" spans="1:6" x14ac:dyDescent="0.35">
      <c r="A147">
        <v>2021</v>
      </c>
      <c r="B147" t="s">
        <v>89</v>
      </c>
      <c r="C147" t="s">
        <v>8</v>
      </c>
      <c r="D147" t="s">
        <v>90</v>
      </c>
      <c r="E147">
        <v>6.6</v>
      </c>
      <c r="F147" t="s">
        <v>10</v>
      </c>
    </row>
    <row r="148" spans="1:6" x14ac:dyDescent="0.35">
      <c r="A148">
        <v>2021</v>
      </c>
      <c r="B148" t="s">
        <v>91</v>
      </c>
      <c r="C148" t="s">
        <v>91</v>
      </c>
      <c r="D148" t="s">
        <v>91</v>
      </c>
      <c r="E148">
        <v>24.1</v>
      </c>
      <c r="F148" t="s">
        <v>84</v>
      </c>
    </row>
    <row r="149" spans="1:6" x14ac:dyDescent="0.35">
      <c r="A149">
        <v>2021</v>
      </c>
      <c r="B149" t="s">
        <v>92</v>
      </c>
      <c r="C149" t="s">
        <v>8</v>
      </c>
      <c r="D149" t="s">
        <v>93</v>
      </c>
      <c r="E149">
        <v>7</v>
      </c>
      <c r="F149" t="s">
        <v>10</v>
      </c>
    </row>
    <row r="150" spans="1:6" x14ac:dyDescent="0.35">
      <c r="A150">
        <v>2021</v>
      </c>
      <c r="B150" t="s">
        <v>94</v>
      </c>
      <c r="C150" t="s">
        <v>95</v>
      </c>
      <c r="D150" t="s">
        <v>96</v>
      </c>
      <c r="E150">
        <v>146</v>
      </c>
      <c r="F150" t="s">
        <v>67</v>
      </c>
    </row>
    <row r="151" spans="1:6" x14ac:dyDescent="0.35">
      <c r="A151">
        <v>2021</v>
      </c>
      <c r="B151" t="s">
        <v>97</v>
      </c>
      <c r="C151" t="s">
        <v>98</v>
      </c>
      <c r="D151" t="s">
        <v>99</v>
      </c>
      <c r="E151">
        <v>105.1</v>
      </c>
      <c r="F151" t="s">
        <v>67</v>
      </c>
    </row>
    <row r="152" spans="1:6" x14ac:dyDescent="0.35">
      <c r="A152">
        <v>2021</v>
      </c>
      <c r="B152" t="s">
        <v>100</v>
      </c>
      <c r="C152" t="s">
        <v>101</v>
      </c>
      <c r="D152" t="s">
        <v>102</v>
      </c>
      <c r="E152">
        <v>9.1</v>
      </c>
      <c r="F152" t="s">
        <v>67</v>
      </c>
    </row>
    <row r="153" spans="1:6" x14ac:dyDescent="0.35">
      <c r="A153">
        <v>2021</v>
      </c>
      <c r="B153" t="s">
        <v>103</v>
      </c>
      <c r="C153" t="s">
        <v>103</v>
      </c>
      <c r="D153" t="s">
        <v>104</v>
      </c>
      <c r="E153">
        <v>12.2</v>
      </c>
      <c r="F153" t="s">
        <v>67</v>
      </c>
    </row>
    <row r="154" spans="1:6" x14ac:dyDescent="0.35">
      <c r="A154">
        <v>2021</v>
      </c>
      <c r="B154" t="s">
        <v>105</v>
      </c>
      <c r="C154" t="s">
        <v>105</v>
      </c>
      <c r="D154" t="s">
        <v>106</v>
      </c>
      <c r="E154">
        <v>2.7</v>
      </c>
      <c r="F154" t="s">
        <v>67</v>
      </c>
    </row>
    <row r="155" spans="1:6" x14ac:dyDescent="0.35">
      <c r="A155">
        <v>2021</v>
      </c>
      <c r="B155" t="s">
        <v>107</v>
      </c>
      <c r="C155" t="s">
        <v>107</v>
      </c>
      <c r="D155" t="s">
        <v>108</v>
      </c>
      <c r="E155">
        <v>10.7</v>
      </c>
      <c r="F155" t="s">
        <v>63</v>
      </c>
    </row>
    <row r="156" spans="1:6" x14ac:dyDescent="0.35">
      <c r="A156">
        <v>2021</v>
      </c>
      <c r="B156" t="s">
        <v>109</v>
      </c>
      <c r="C156" t="s">
        <v>110</v>
      </c>
      <c r="D156" t="s">
        <v>111</v>
      </c>
      <c r="E156">
        <v>53.2</v>
      </c>
      <c r="F156" t="s">
        <v>63</v>
      </c>
    </row>
    <row r="157" spans="1:6" x14ac:dyDescent="0.35">
      <c r="A157">
        <v>2021</v>
      </c>
      <c r="B157" t="s">
        <v>112</v>
      </c>
      <c r="C157" t="s">
        <v>8</v>
      </c>
      <c r="D157" t="s">
        <v>113</v>
      </c>
      <c r="E157">
        <v>13.2</v>
      </c>
      <c r="F157" t="s">
        <v>10</v>
      </c>
    </row>
    <row r="158" spans="1:6" x14ac:dyDescent="0.35">
      <c r="A158">
        <v>2021</v>
      </c>
      <c r="B158" t="s">
        <v>114</v>
      </c>
      <c r="C158" t="s">
        <v>114</v>
      </c>
      <c r="D158" t="s">
        <v>115</v>
      </c>
      <c r="E158">
        <v>29</v>
      </c>
      <c r="F158" t="s">
        <v>84</v>
      </c>
    </row>
    <row r="159" spans="1:6" x14ac:dyDescent="0.35">
      <c r="A159">
        <v>2021</v>
      </c>
      <c r="B159" t="s">
        <v>116</v>
      </c>
      <c r="C159" t="s">
        <v>117</v>
      </c>
      <c r="D159" t="s">
        <v>118</v>
      </c>
      <c r="E159">
        <v>134.30000000000001</v>
      </c>
      <c r="F159" t="s">
        <v>63</v>
      </c>
    </row>
    <row r="160" spans="1:6" x14ac:dyDescent="0.35">
      <c r="A160">
        <v>2021</v>
      </c>
      <c r="B160" t="s">
        <v>119</v>
      </c>
      <c r="C160" t="s">
        <v>119</v>
      </c>
      <c r="D160" t="s">
        <v>120</v>
      </c>
      <c r="E160">
        <v>9.9</v>
      </c>
      <c r="F160" t="s">
        <v>84</v>
      </c>
    </row>
    <row r="161" spans="1:6" x14ac:dyDescent="0.35">
      <c r="A161">
        <v>2021</v>
      </c>
      <c r="B161" t="s">
        <v>121</v>
      </c>
      <c r="C161" t="s">
        <v>8</v>
      </c>
      <c r="D161" t="s">
        <v>122</v>
      </c>
      <c r="E161">
        <v>0.1</v>
      </c>
      <c r="F161" t="s">
        <v>10</v>
      </c>
    </row>
    <row r="162" spans="1:6" x14ac:dyDescent="0.35">
      <c r="A162">
        <v>2021</v>
      </c>
      <c r="B162" t="s">
        <v>123</v>
      </c>
      <c r="C162" t="s">
        <v>124</v>
      </c>
      <c r="D162" t="s">
        <v>125</v>
      </c>
      <c r="E162">
        <v>125.1</v>
      </c>
      <c r="F162" t="s">
        <v>126</v>
      </c>
    </row>
    <row r="163" spans="1:6" x14ac:dyDescent="0.35">
      <c r="A163">
        <v>2021</v>
      </c>
      <c r="B163" t="s">
        <v>127</v>
      </c>
      <c r="C163" t="s">
        <v>128</v>
      </c>
      <c r="D163" t="s">
        <v>129</v>
      </c>
      <c r="E163">
        <v>17.100000000000001</v>
      </c>
      <c r="F163" t="s">
        <v>63</v>
      </c>
    </row>
    <row r="164" spans="1:6" x14ac:dyDescent="0.35">
      <c r="A164">
        <v>2021</v>
      </c>
      <c r="B164" t="s">
        <v>130</v>
      </c>
      <c r="C164" t="s">
        <v>131</v>
      </c>
      <c r="D164" t="s">
        <v>132</v>
      </c>
      <c r="E164">
        <v>31.6</v>
      </c>
      <c r="F164" t="s">
        <v>63</v>
      </c>
    </row>
    <row r="165" spans="1:6" x14ac:dyDescent="0.35">
      <c r="A165">
        <v>2021</v>
      </c>
      <c r="B165" t="s">
        <v>148</v>
      </c>
      <c r="C165" t="s">
        <v>26</v>
      </c>
      <c r="D165" t="s">
        <v>147</v>
      </c>
      <c r="E165">
        <v>40.1</v>
      </c>
      <c r="F165" t="s">
        <v>22</v>
      </c>
    </row>
    <row r="166" spans="1:6" x14ac:dyDescent="0.35">
      <c r="A166">
        <v>2022</v>
      </c>
      <c r="B166" t="s">
        <v>7</v>
      </c>
      <c r="C166" t="s">
        <v>8</v>
      </c>
      <c r="D166" t="s">
        <v>9</v>
      </c>
      <c r="E166">
        <v>5023.8999999999996</v>
      </c>
      <c r="F166" t="s">
        <v>10</v>
      </c>
    </row>
    <row r="167" spans="1:6" x14ac:dyDescent="0.35">
      <c r="A167">
        <v>2022</v>
      </c>
      <c r="B167" t="s">
        <v>11</v>
      </c>
      <c r="C167" t="s">
        <v>12</v>
      </c>
      <c r="D167" t="s">
        <v>9</v>
      </c>
      <c r="E167">
        <v>10.7</v>
      </c>
      <c r="F167" t="s">
        <v>10</v>
      </c>
    </row>
    <row r="168" spans="1:6" x14ac:dyDescent="0.35">
      <c r="A168">
        <v>2022</v>
      </c>
      <c r="B168" t="s">
        <v>13</v>
      </c>
      <c r="C168" t="s">
        <v>14</v>
      </c>
      <c r="D168" t="s">
        <v>9</v>
      </c>
      <c r="E168">
        <v>10.4</v>
      </c>
      <c r="F168" t="s">
        <v>10</v>
      </c>
    </row>
    <row r="169" spans="1:6" x14ac:dyDescent="0.35">
      <c r="A169">
        <v>2022</v>
      </c>
      <c r="B169" t="s">
        <v>15</v>
      </c>
      <c r="C169" t="s">
        <v>15</v>
      </c>
      <c r="D169" t="s">
        <v>9</v>
      </c>
      <c r="E169">
        <v>32.700000000000003</v>
      </c>
      <c r="F169" t="s">
        <v>10</v>
      </c>
    </row>
    <row r="170" spans="1:6" x14ac:dyDescent="0.35">
      <c r="A170">
        <v>2022</v>
      </c>
      <c r="B170" t="s">
        <v>16</v>
      </c>
      <c r="C170" t="s">
        <v>16</v>
      </c>
      <c r="D170" t="s">
        <v>9</v>
      </c>
      <c r="E170">
        <v>33.6</v>
      </c>
      <c r="F170" t="s">
        <v>10</v>
      </c>
    </row>
    <row r="171" spans="1:6" x14ac:dyDescent="0.35">
      <c r="A171">
        <v>2022</v>
      </c>
      <c r="B171" t="s">
        <v>17</v>
      </c>
      <c r="C171" t="s">
        <v>17</v>
      </c>
      <c r="D171" t="s">
        <v>9</v>
      </c>
      <c r="E171">
        <v>75.599999999999994</v>
      </c>
      <c r="F171" t="s">
        <v>10</v>
      </c>
    </row>
    <row r="172" spans="1:6" x14ac:dyDescent="0.35">
      <c r="A172">
        <v>2022</v>
      </c>
      <c r="B172" t="s">
        <v>18</v>
      </c>
      <c r="C172" t="s">
        <v>18</v>
      </c>
      <c r="D172" t="s">
        <v>9</v>
      </c>
      <c r="E172">
        <v>61.1</v>
      </c>
      <c r="F172" t="s">
        <v>10</v>
      </c>
    </row>
    <row r="173" spans="1:6" x14ac:dyDescent="0.35">
      <c r="A173">
        <v>2022</v>
      </c>
      <c r="B173" t="s">
        <v>19</v>
      </c>
      <c r="C173" t="s">
        <v>20</v>
      </c>
      <c r="D173" t="s">
        <v>21</v>
      </c>
      <c r="E173">
        <v>196.5</v>
      </c>
      <c r="F173" t="s">
        <v>22</v>
      </c>
    </row>
    <row r="174" spans="1:6" x14ac:dyDescent="0.35">
      <c r="A174">
        <v>2022</v>
      </c>
      <c r="B174" t="s">
        <v>23</v>
      </c>
      <c r="C174" t="s">
        <v>23</v>
      </c>
      <c r="D174" t="s">
        <v>21</v>
      </c>
      <c r="E174">
        <v>80.400000000000006</v>
      </c>
      <c r="F174" t="s">
        <v>22</v>
      </c>
    </row>
    <row r="175" spans="1:6" x14ac:dyDescent="0.35">
      <c r="A175">
        <v>2022</v>
      </c>
      <c r="B175" t="s">
        <v>24</v>
      </c>
      <c r="C175" t="s">
        <v>24</v>
      </c>
      <c r="D175" t="s">
        <v>21</v>
      </c>
      <c r="E175">
        <v>11.9</v>
      </c>
      <c r="F175" t="s">
        <v>22</v>
      </c>
    </row>
    <row r="176" spans="1:6" x14ac:dyDescent="0.35">
      <c r="A176">
        <v>2022</v>
      </c>
      <c r="B176" t="s">
        <v>25</v>
      </c>
      <c r="C176" t="s">
        <v>26</v>
      </c>
      <c r="D176" t="s">
        <v>21</v>
      </c>
      <c r="E176">
        <v>3478.9</v>
      </c>
      <c r="F176" t="s">
        <v>22</v>
      </c>
    </row>
    <row r="177" spans="1:6" x14ac:dyDescent="0.35">
      <c r="A177">
        <v>2022</v>
      </c>
      <c r="B177" t="s">
        <v>27</v>
      </c>
      <c r="C177" t="s">
        <v>27</v>
      </c>
      <c r="D177" t="s">
        <v>134</v>
      </c>
      <c r="E177">
        <v>27.4</v>
      </c>
      <c r="F177" t="s">
        <v>126</v>
      </c>
    </row>
    <row r="178" spans="1:6" x14ac:dyDescent="0.35">
      <c r="A178">
        <v>2022</v>
      </c>
      <c r="B178" t="s">
        <v>28</v>
      </c>
      <c r="C178" t="s">
        <v>29</v>
      </c>
      <c r="D178" t="s">
        <v>21</v>
      </c>
      <c r="E178">
        <v>153.4</v>
      </c>
      <c r="F178" t="s">
        <v>22</v>
      </c>
    </row>
    <row r="179" spans="1:6" x14ac:dyDescent="0.35">
      <c r="A179">
        <v>2022</v>
      </c>
      <c r="B179" t="s">
        <v>30</v>
      </c>
      <c r="C179" t="s">
        <v>31</v>
      </c>
      <c r="D179" t="s">
        <v>135</v>
      </c>
      <c r="E179">
        <v>8</v>
      </c>
      <c r="F179" t="s">
        <v>63</v>
      </c>
    </row>
    <row r="180" spans="1:6" x14ac:dyDescent="0.35">
      <c r="A180">
        <v>2022</v>
      </c>
      <c r="B180" t="s">
        <v>32</v>
      </c>
      <c r="C180" t="s">
        <v>33</v>
      </c>
      <c r="D180" t="s">
        <v>136</v>
      </c>
      <c r="E180">
        <v>33.200000000000003</v>
      </c>
      <c r="F180" t="s">
        <v>63</v>
      </c>
    </row>
    <row r="181" spans="1:6" x14ac:dyDescent="0.35">
      <c r="A181">
        <v>2022</v>
      </c>
      <c r="B181" t="s">
        <v>34</v>
      </c>
      <c r="C181" t="s">
        <v>35</v>
      </c>
      <c r="D181" t="s">
        <v>137</v>
      </c>
      <c r="E181">
        <v>138.80000000000001</v>
      </c>
      <c r="F181" t="s">
        <v>63</v>
      </c>
    </row>
    <row r="182" spans="1:6" x14ac:dyDescent="0.35">
      <c r="A182">
        <v>2022</v>
      </c>
      <c r="B182" t="s">
        <v>36</v>
      </c>
      <c r="C182" t="s">
        <v>37</v>
      </c>
      <c r="D182" t="s">
        <v>138</v>
      </c>
      <c r="E182">
        <v>3.6</v>
      </c>
      <c r="F182" t="s">
        <v>63</v>
      </c>
    </row>
    <row r="183" spans="1:6" x14ac:dyDescent="0.35">
      <c r="A183">
        <v>2022</v>
      </c>
      <c r="B183" t="s">
        <v>38</v>
      </c>
      <c r="C183" t="s">
        <v>39</v>
      </c>
      <c r="D183" t="s">
        <v>39</v>
      </c>
      <c r="E183">
        <v>31.5</v>
      </c>
      <c r="F183" t="s">
        <v>126</v>
      </c>
    </row>
    <row r="184" spans="1:6" x14ac:dyDescent="0.35">
      <c r="A184">
        <v>2022</v>
      </c>
      <c r="B184" t="s">
        <v>40</v>
      </c>
      <c r="C184" t="s">
        <v>41</v>
      </c>
      <c r="D184" t="s">
        <v>41</v>
      </c>
      <c r="E184">
        <v>10.9</v>
      </c>
      <c r="F184" t="s">
        <v>126</v>
      </c>
    </row>
    <row r="185" spans="1:6" x14ac:dyDescent="0.35">
      <c r="A185">
        <v>2022</v>
      </c>
      <c r="B185" t="s">
        <v>42</v>
      </c>
      <c r="C185" t="s">
        <v>43</v>
      </c>
      <c r="D185" t="s">
        <v>139</v>
      </c>
      <c r="E185">
        <v>34.799999999999997</v>
      </c>
      <c r="F185" t="s">
        <v>126</v>
      </c>
    </row>
    <row r="186" spans="1:6" x14ac:dyDescent="0.35">
      <c r="A186">
        <v>2022</v>
      </c>
      <c r="B186" t="s">
        <v>44</v>
      </c>
      <c r="C186" t="s">
        <v>45</v>
      </c>
      <c r="D186" t="s">
        <v>140</v>
      </c>
      <c r="E186">
        <v>4.3</v>
      </c>
      <c r="F186" t="s">
        <v>63</v>
      </c>
    </row>
    <row r="187" spans="1:6" x14ac:dyDescent="0.35">
      <c r="A187">
        <v>2022</v>
      </c>
      <c r="B187" t="s">
        <v>46</v>
      </c>
      <c r="C187" t="s">
        <v>47</v>
      </c>
      <c r="D187" t="s">
        <v>48</v>
      </c>
      <c r="E187">
        <v>929.4</v>
      </c>
      <c r="F187" t="s">
        <v>49</v>
      </c>
    </row>
    <row r="188" spans="1:6" x14ac:dyDescent="0.35">
      <c r="A188">
        <v>2022</v>
      </c>
      <c r="B188" t="s">
        <v>50</v>
      </c>
      <c r="C188" t="s">
        <v>51</v>
      </c>
      <c r="D188" t="s">
        <v>48</v>
      </c>
      <c r="E188">
        <v>11.2</v>
      </c>
      <c r="F188" t="s">
        <v>49</v>
      </c>
    </row>
    <row r="189" spans="1:6" x14ac:dyDescent="0.35">
      <c r="A189">
        <v>2022</v>
      </c>
      <c r="B189" t="s">
        <v>52</v>
      </c>
      <c r="C189" t="s">
        <v>51</v>
      </c>
      <c r="D189" t="s">
        <v>48</v>
      </c>
      <c r="E189">
        <v>4.7</v>
      </c>
      <c r="F189" t="s">
        <v>49</v>
      </c>
    </row>
    <row r="190" spans="1:6" x14ac:dyDescent="0.35">
      <c r="A190">
        <v>2022</v>
      </c>
      <c r="B190" t="s">
        <v>53</v>
      </c>
      <c r="C190" t="s">
        <v>54</v>
      </c>
      <c r="D190" t="s">
        <v>55</v>
      </c>
      <c r="E190">
        <v>8413.2999999999975</v>
      </c>
      <c r="F190" t="s">
        <v>56</v>
      </c>
    </row>
    <row r="191" spans="1:6" x14ac:dyDescent="0.35">
      <c r="A191">
        <v>2022</v>
      </c>
      <c r="B191" t="s">
        <v>57</v>
      </c>
      <c r="C191" t="s">
        <v>58</v>
      </c>
      <c r="D191" t="s">
        <v>59</v>
      </c>
      <c r="E191">
        <v>631.20000000000005</v>
      </c>
      <c r="F191" t="s">
        <v>57</v>
      </c>
    </row>
    <row r="192" spans="1:6" x14ac:dyDescent="0.35">
      <c r="A192">
        <v>2022</v>
      </c>
      <c r="B192" t="s">
        <v>60</v>
      </c>
      <c r="C192" t="s">
        <v>61</v>
      </c>
      <c r="D192" t="s">
        <v>62</v>
      </c>
      <c r="E192">
        <v>30</v>
      </c>
      <c r="F192" t="s">
        <v>63</v>
      </c>
    </row>
    <row r="193" spans="1:6" x14ac:dyDescent="0.35">
      <c r="A193">
        <v>2022</v>
      </c>
      <c r="B193" t="s">
        <v>64</v>
      </c>
      <c r="C193" t="s">
        <v>65</v>
      </c>
      <c r="D193" t="s">
        <v>66</v>
      </c>
      <c r="E193">
        <v>72.3</v>
      </c>
      <c r="F193" t="s">
        <v>67</v>
      </c>
    </row>
    <row r="194" spans="1:6" x14ac:dyDescent="0.35">
      <c r="A194">
        <v>2022</v>
      </c>
      <c r="B194" t="s">
        <v>71</v>
      </c>
      <c r="C194" t="s">
        <v>71</v>
      </c>
      <c r="D194" t="s">
        <v>72</v>
      </c>
      <c r="E194">
        <v>162.5</v>
      </c>
      <c r="F194" t="s">
        <v>67</v>
      </c>
    </row>
    <row r="195" spans="1:6" x14ac:dyDescent="0.35">
      <c r="A195">
        <v>2022</v>
      </c>
      <c r="B195" t="s">
        <v>73</v>
      </c>
      <c r="C195" t="s">
        <v>73</v>
      </c>
      <c r="D195" t="s">
        <v>74</v>
      </c>
      <c r="E195">
        <v>83.8</v>
      </c>
      <c r="F195" t="s">
        <v>67</v>
      </c>
    </row>
    <row r="196" spans="1:6" x14ac:dyDescent="0.35">
      <c r="A196">
        <v>2022</v>
      </c>
      <c r="B196" t="s">
        <v>75</v>
      </c>
      <c r="C196" t="s">
        <v>76</v>
      </c>
      <c r="D196" t="s">
        <v>77</v>
      </c>
      <c r="E196">
        <v>0.4</v>
      </c>
      <c r="F196" t="s">
        <v>67</v>
      </c>
    </row>
    <row r="197" spans="1:6" x14ac:dyDescent="0.35">
      <c r="A197">
        <v>2022</v>
      </c>
      <c r="B197" t="s">
        <v>141</v>
      </c>
      <c r="C197" t="s">
        <v>143</v>
      </c>
      <c r="D197" t="s">
        <v>145</v>
      </c>
      <c r="E197">
        <v>20.7</v>
      </c>
      <c r="F197" t="s">
        <v>67</v>
      </c>
    </row>
    <row r="198" spans="1:6" x14ac:dyDescent="0.35">
      <c r="A198">
        <v>2022</v>
      </c>
      <c r="B198" t="s">
        <v>142</v>
      </c>
      <c r="C198" t="s">
        <v>144</v>
      </c>
      <c r="D198" t="s">
        <v>146</v>
      </c>
      <c r="E198">
        <v>1.7</v>
      </c>
      <c r="F198" t="s">
        <v>67</v>
      </c>
    </row>
    <row r="199" spans="1:6" x14ac:dyDescent="0.35">
      <c r="A199">
        <v>2022</v>
      </c>
      <c r="B199" t="s">
        <v>78</v>
      </c>
      <c r="C199" t="s">
        <v>79</v>
      </c>
      <c r="D199" t="s">
        <v>80</v>
      </c>
      <c r="E199">
        <v>91.7</v>
      </c>
      <c r="F199" t="s">
        <v>81</v>
      </c>
    </row>
    <row r="200" spans="1:6" x14ac:dyDescent="0.35">
      <c r="A200">
        <v>2022</v>
      </c>
      <c r="B200" t="s">
        <v>82</v>
      </c>
      <c r="C200" t="s">
        <v>82</v>
      </c>
      <c r="D200" t="s">
        <v>83</v>
      </c>
      <c r="E200">
        <v>25.7</v>
      </c>
      <c r="F200" t="s">
        <v>84</v>
      </c>
    </row>
    <row r="201" spans="1:6" x14ac:dyDescent="0.35">
      <c r="A201">
        <v>2022</v>
      </c>
      <c r="B201" t="s">
        <v>85</v>
      </c>
      <c r="C201" t="s">
        <v>86</v>
      </c>
      <c r="D201" t="s">
        <v>87</v>
      </c>
      <c r="E201">
        <v>1160</v>
      </c>
      <c r="F201" t="s">
        <v>67</v>
      </c>
    </row>
    <row r="202" spans="1:6" x14ac:dyDescent="0.35">
      <c r="A202">
        <v>2022</v>
      </c>
      <c r="B202" t="s">
        <v>88</v>
      </c>
      <c r="C202" t="s">
        <v>86</v>
      </c>
      <c r="D202" t="s">
        <v>87</v>
      </c>
      <c r="E202">
        <v>23.8</v>
      </c>
      <c r="F202" t="s">
        <v>63</v>
      </c>
    </row>
    <row r="203" spans="1:6" x14ac:dyDescent="0.35">
      <c r="A203">
        <v>2022</v>
      </c>
      <c r="B203" t="s">
        <v>89</v>
      </c>
      <c r="C203" t="s">
        <v>8</v>
      </c>
      <c r="D203" t="s">
        <v>90</v>
      </c>
      <c r="E203">
        <v>9.3000000000000007</v>
      </c>
      <c r="F203" t="s">
        <v>10</v>
      </c>
    </row>
    <row r="204" spans="1:6" x14ac:dyDescent="0.35">
      <c r="A204">
        <v>2022</v>
      </c>
      <c r="B204" t="s">
        <v>91</v>
      </c>
      <c r="C204" t="s">
        <v>91</v>
      </c>
      <c r="D204" t="s">
        <v>91</v>
      </c>
      <c r="E204">
        <v>26.1</v>
      </c>
      <c r="F204" t="s">
        <v>84</v>
      </c>
    </row>
    <row r="205" spans="1:6" x14ac:dyDescent="0.35">
      <c r="A205">
        <v>2022</v>
      </c>
      <c r="B205" t="s">
        <v>92</v>
      </c>
      <c r="C205" t="s">
        <v>8</v>
      </c>
      <c r="D205" t="s">
        <v>93</v>
      </c>
      <c r="E205">
        <v>7.1</v>
      </c>
      <c r="F205" t="s">
        <v>10</v>
      </c>
    </row>
    <row r="206" spans="1:6" x14ac:dyDescent="0.35">
      <c r="A206">
        <v>2022</v>
      </c>
      <c r="B206" t="s">
        <v>94</v>
      </c>
      <c r="C206" t="s">
        <v>95</v>
      </c>
      <c r="D206" t="s">
        <v>96</v>
      </c>
      <c r="E206">
        <v>153.69999999999999</v>
      </c>
      <c r="F206" t="s">
        <v>67</v>
      </c>
    </row>
    <row r="207" spans="1:6" x14ac:dyDescent="0.35">
      <c r="A207">
        <v>2022</v>
      </c>
      <c r="B207" t="s">
        <v>97</v>
      </c>
      <c r="C207" t="s">
        <v>98</v>
      </c>
      <c r="D207" t="s">
        <v>99</v>
      </c>
      <c r="E207">
        <v>105.9</v>
      </c>
      <c r="F207" t="s">
        <v>67</v>
      </c>
    </row>
    <row r="208" spans="1:6" x14ac:dyDescent="0.35">
      <c r="A208">
        <v>2022</v>
      </c>
      <c r="B208" t="s">
        <v>100</v>
      </c>
      <c r="C208" t="s">
        <v>101</v>
      </c>
      <c r="D208" t="s">
        <v>102</v>
      </c>
      <c r="E208">
        <v>10.8</v>
      </c>
      <c r="F208" t="s">
        <v>67</v>
      </c>
    </row>
    <row r="209" spans="1:6" x14ac:dyDescent="0.35">
      <c r="A209">
        <v>2022</v>
      </c>
      <c r="B209" t="s">
        <v>103</v>
      </c>
      <c r="C209" t="s">
        <v>103</v>
      </c>
      <c r="D209" t="s">
        <v>104</v>
      </c>
      <c r="E209">
        <v>11.5</v>
      </c>
      <c r="F209" t="s">
        <v>67</v>
      </c>
    </row>
    <row r="210" spans="1:6" x14ac:dyDescent="0.35">
      <c r="A210">
        <v>2022</v>
      </c>
      <c r="B210" t="s">
        <v>105</v>
      </c>
      <c r="C210" t="s">
        <v>105</v>
      </c>
      <c r="D210" t="s">
        <v>106</v>
      </c>
      <c r="E210">
        <v>2.6</v>
      </c>
      <c r="F210" t="s">
        <v>67</v>
      </c>
    </row>
    <row r="211" spans="1:6" x14ac:dyDescent="0.35">
      <c r="A211">
        <v>2022</v>
      </c>
      <c r="B211" t="s">
        <v>107</v>
      </c>
      <c r="C211" t="s">
        <v>107</v>
      </c>
      <c r="D211" t="s">
        <v>108</v>
      </c>
      <c r="E211">
        <v>11.4</v>
      </c>
      <c r="F211" t="s">
        <v>63</v>
      </c>
    </row>
    <row r="212" spans="1:6" x14ac:dyDescent="0.35">
      <c r="A212">
        <v>2022</v>
      </c>
      <c r="B212" t="s">
        <v>109</v>
      </c>
      <c r="C212" t="s">
        <v>110</v>
      </c>
      <c r="D212" t="s">
        <v>111</v>
      </c>
      <c r="E212">
        <v>59.4</v>
      </c>
      <c r="F212" t="s">
        <v>63</v>
      </c>
    </row>
    <row r="213" spans="1:6" x14ac:dyDescent="0.35">
      <c r="A213">
        <v>2022</v>
      </c>
      <c r="B213" t="s">
        <v>112</v>
      </c>
      <c r="C213" t="s">
        <v>8</v>
      </c>
      <c r="D213" t="s">
        <v>113</v>
      </c>
      <c r="E213">
        <v>14.5</v>
      </c>
      <c r="F213" t="s">
        <v>10</v>
      </c>
    </row>
    <row r="214" spans="1:6" x14ac:dyDescent="0.35">
      <c r="A214">
        <v>2022</v>
      </c>
      <c r="B214" t="s">
        <v>114</v>
      </c>
      <c r="C214" t="s">
        <v>114</v>
      </c>
      <c r="D214" t="s">
        <v>115</v>
      </c>
      <c r="E214">
        <v>34.200000000000003</v>
      </c>
      <c r="F214" t="s">
        <v>84</v>
      </c>
    </row>
    <row r="215" spans="1:6" x14ac:dyDescent="0.35">
      <c r="A215">
        <v>2022</v>
      </c>
      <c r="B215" t="s">
        <v>116</v>
      </c>
      <c r="C215" t="s">
        <v>117</v>
      </c>
      <c r="D215" t="s">
        <v>118</v>
      </c>
      <c r="E215">
        <v>125.2</v>
      </c>
      <c r="F215" t="s">
        <v>63</v>
      </c>
    </row>
    <row r="216" spans="1:6" x14ac:dyDescent="0.35">
      <c r="A216">
        <v>2022</v>
      </c>
      <c r="B216" t="s">
        <v>119</v>
      </c>
      <c r="C216" t="s">
        <v>119</v>
      </c>
      <c r="D216" t="s">
        <v>120</v>
      </c>
      <c r="E216">
        <v>9.8000000000000007</v>
      </c>
      <c r="F216" t="s">
        <v>84</v>
      </c>
    </row>
    <row r="217" spans="1:6" x14ac:dyDescent="0.35">
      <c r="A217">
        <v>2022</v>
      </c>
      <c r="B217" t="s">
        <v>121</v>
      </c>
      <c r="C217" t="s">
        <v>8</v>
      </c>
      <c r="D217" t="s">
        <v>122</v>
      </c>
      <c r="E217">
        <v>0.1</v>
      </c>
      <c r="F217" t="s">
        <v>10</v>
      </c>
    </row>
    <row r="218" spans="1:6" x14ac:dyDescent="0.35">
      <c r="A218">
        <v>2022</v>
      </c>
      <c r="B218" t="s">
        <v>123</v>
      </c>
      <c r="C218" t="s">
        <v>124</v>
      </c>
      <c r="D218" t="s">
        <v>125</v>
      </c>
      <c r="E218">
        <v>119.9</v>
      </c>
      <c r="F218" t="s">
        <v>126</v>
      </c>
    </row>
    <row r="219" spans="1:6" x14ac:dyDescent="0.35">
      <c r="A219">
        <v>2022</v>
      </c>
      <c r="B219" t="s">
        <v>127</v>
      </c>
      <c r="C219" t="s">
        <v>128</v>
      </c>
      <c r="D219" t="s">
        <v>129</v>
      </c>
      <c r="E219">
        <v>18.399999999999999</v>
      </c>
      <c r="F219" t="s">
        <v>63</v>
      </c>
    </row>
    <row r="220" spans="1:6" x14ac:dyDescent="0.35">
      <c r="A220">
        <v>2022</v>
      </c>
      <c r="B220" t="s">
        <v>130</v>
      </c>
      <c r="C220" t="s">
        <v>131</v>
      </c>
      <c r="D220" t="s">
        <v>132</v>
      </c>
      <c r="E220">
        <v>38.4</v>
      </c>
      <c r="F220" t="s">
        <v>63</v>
      </c>
    </row>
    <row r="221" spans="1:6" x14ac:dyDescent="0.35">
      <c r="A221">
        <v>2022</v>
      </c>
      <c r="B221" t="s">
        <v>148</v>
      </c>
      <c r="C221" t="s">
        <v>26</v>
      </c>
      <c r="D221" t="s">
        <v>147</v>
      </c>
      <c r="E221">
        <v>43</v>
      </c>
      <c r="F221" t="s">
        <v>22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FDA8082F-1CAD-4D13-BF96-3CA900D7238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AEP Operating Companies</vt:lpstr>
      <vt:lpstr>All Compani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5524</dc:creator>
  <cp:keywords/>
  <cp:lastModifiedBy>s293063</cp:lastModifiedBy>
  <dcterms:created xsi:type="dcterms:W3CDTF">2022-01-19T19:49:00Z</dcterms:created>
  <dcterms:modified xsi:type="dcterms:W3CDTF">2022-01-23T13:07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d65204b-7f74-4216-afec-b3996706ea92</vt:lpwstr>
  </property>
  <property fmtid="{D5CDD505-2E9C-101B-9397-08002B2CF9AE}" pid="3" name="bjSaver">
    <vt:lpwstr>8/MtDu8VKME3FGnbKdkmDCxQB9TfeTRA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